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6. Robo\399-2025 Dezinfekcia, dezinsekcia a deratizácia\03. Príprava\04. PT\01. Odoslané\"/>
    </mc:Choice>
  </mc:AlternateContent>
  <bookViews>
    <workbookView xWindow="0" yWindow="0" windowWidth="23040" windowHeight="9195"/>
  </bookViews>
  <sheets>
    <sheet name="Špecifikácia predmetu PT" sheetId="8" r:id="rId1"/>
  </sheets>
  <definedNames>
    <definedName name="_xlnm.Print_Area" localSheetId="0">'Špecifikácia predmetu PT'!$A$1:$F$10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31" i="8" l="1"/>
  <c r="F30" i="8"/>
  <c r="F29" i="8"/>
</calcChain>
</file>

<file path=xl/sharedStrings.xml><?xml version="1.0" encoding="utf-8"?>
<sst xmlns="http://schemas.openxmlformats.org/spreadsheetml/2006/main" count="258" uniqueCount="131">
  <si>
    <t>Bežná dostupnosť</t>
  </si>
  <si>
    <t>Nie bežná dostupnosť</t>
  </si>
  <si>
    <t>1. VŠEOBECNÁ ŠPECIFIKÁCIA PREDMETU ZÁKAZKY</t>
  </si>
  <si>
    <t>3.1 Rozdelenie predmetu zákazky</t>
  </si>
  <si>
    <t>1.1 Názov predmetu zákazky:</t>
  </si>
  <si>
    <t>1.2 CPV:</t>
  </si>
  <si>
    <t>1.3 Druh:</t>
  </si>
  <si>
    <t>Názov položky predmetu zákazky</t>
  </si>
  <si>
    <t>1.</t>
  </si>
  <si>
    <t xml:space="preserve">3.1.a)  Rozdelenie na časti: </t>
  </si>
  <si>
    <t>3.1.b)  Zoznam položiek:</t>
  </si>
  <si>
    <t>3.2 Dostupnosť na trhu:</t>
  </si>
  <si>
    <t>Áno</t>
  </si>
  <si>
    <t>Nie</t>
  </si>
  <si>
    <t>2.  FUNKČNÁ ŠPECIFIKÁCIA PREDMETU ZÁKAZKY</t>
  </si>
  <si>
    <t>3.  ROZDELENIE a DOSTUPNOSŤ PREDMETU ZÁKAZKY</t>
  </si>
  <si>
    <t>4. TECHNICKÁ ŠPECIFIKÁCIA PREDMETU ZÁKAZKY</t>
  </si>
  <si>
    <t>Meno a priezvisko:</t>
  </si>
  <si>
    <t>Pracovná pozícia:</t>
  </si>
  <si>
    <t>Telefónne číslo:</t>
  </si>
  <si>
    <t>E-mail:</t>
  </si>
  <si>
    <t>PREHLÁSENIE</t>
  </si>
  <si>
    <t>V:</t>
  </si>
  <si>
    <t>podpis:</t>
  </si>
  <si>
    <t>Dňa:</t>
  </si>
  <si>
    <t>meno:</t>
  </si>
  <si>
    <t>pracovná pozícia:</t>
  </si>
  <si>
    <t>pečiatka:</t>
  </si>
  <si>
    <t>Sídlo:</t>
  </si>
  <si>
    <t>Dodávateľ:</t>
  </si>
  <si>
    <t>Poznámka:</t>
  </si>
  <si>
    <t>- povinné údaje vyplní uchádzač</t>
  </si>
  <si>
    <t>60000000-8 Dopravné služby (bez prepravy odpadu)</t>
  </si>
  <si>
    <t>Kontaktná osoba predkladateľa PT pre účely overenia si informácií týkajúcich sa technických parametrov ponúkaného produktu:</t>
  </si>
  <si>
    <t>Týmto prehlasujem, že v PT nami uvedené položky v plnom rozsahu spĺňajú funkčnú špecifikáciu (t.j. účel použitia) predmetu zákazky. Zároveň prehlasujem, že v prípade, ak verejný obstarávateľ vyhlási zákazku na uvedený predmet zákazky v súlade s nami ponúkanými hodnotami uvedených položiek, nie sú nám známe žiadne okolnosti, ktoré by nám bránili v účasti v predmetnej zákazky.</t>
  </si>
  <si>
    <t>ks</t>
  </si>
  <si>
    <r>
      <t xml:space="preserve">Požadované minimálne osobitné požiadavky na predmet zákazky a doklady:
</t>
    </r>
    <r>
      <rPr>
        <i/>
        <sz val="10"/>
        <color rgb="FFFF0000"/>
        <rFont val="Arial"/>
        <family val="2"/>
        <charset val="238"/>
      </rPr>
      <t>(uchádzač bude predkladať v ponuke v súťaži, pokiaľ nie je uvedené inak)</t>
    </r>
    <r>
      <rPr>
        <b/>
        <sz val="10"/>
        <color theme="1"/>
        <rFont val="Arial"/>
        <family val="2"/>
        <charset val="238"/>
      </rPr>
      <t xml:space="preserve">
</t>
    </r>
  </si>
  <si>
    <t xml:space="preserve">5. MINIMÁLNE OSOBITNÉ POŽIADAVKY NA PREDMET ZÁKAZKY A DOKLADY </t>
  </si>
  <si>
    <t>90921000-9 Dezinfekčné a hubiace služby</t>
  </si>
  <si>
    <t>90922000-6 Hubenie škodcov</t>
  </si>
  <si>
    <t>90923000-3 Deratizačné služby</t>
  </si>
  <si>
    <t>Dezinfekcia, dezinsekcia a deratizácia</t>
  </si>
  <si>
    <t>služba</t>
  </si>
  <si>
    <t xml:space="preserve">Predmetom zákazky je zabezpečenie služieb dezinfekcie, dezinsekcie a deratizácie (ďalej len „DDD“) v celom objekte verejného obstarávateľa. Predmet zákazky musí byť vykonávaný výlučne osobami odborne spôsobilými na túto činnosť a v súlade so zákonom č.355/2007 Z.z. o ochrane, podpore a rozvoja verejného zdravia a o zmene a doplnení niektorých zákonov, v súlade so zákonom č. 553/2007 Z. z., ktorou sa ustanovujú podrobnosti o požiadavkách na prevádzku zdravotníckych zariadení z hľadiska ochrany zdravia, v súlade s vyhláškou č. 585/2008 Z.z., ktorou sa ustanovujú podrobnosti o prevencii a kontrole prenosných ochorení, v súlade s nariadením vlády SR č. 355/2006 Z. z. o ochrane zamestnancov pred rizikami súvisiacimi s expozíciou chemickým faktorom pri práci v znení neskorších predpisov, v súlade so zákonom č. 67/2010 Z. z. o podmienkach uvedenia chemických látok a chemických zmesí na trh a o zmene a doplnení niektorých zákonov v znení neskorších predpisov. 
Výkon služby zberu, odvozu odpadu vrátane zneškodnenia a odstránenia/likvidácie vzniknutého odpadu ako dôsledku výkonu služieb, použitých prípravkov, obalov a uhynutých tiel zvierat ako dôsledok deratizácie musí byť vykonávaný podľa platnej právnej legislatívy SR a EÚ v kategórii nebezpečný odpad vo vzťahu k nebezpečnému odpadu živočíšneho pôvodu, ktorých zber a zneškodnenie podliehajú osobitným požiadavkám z hľadiska prevencie nákazy vedeného v Katalógu odpadov v súlade so zákonom č. 39/2007 Z. z. o veterinárnej starostlivosti v znení neskorších predpisov, zákonom č. 79/2015 Z.z. o odpadoch v znení neskorších predpisov a s vyhláškou MŽP SR č. 365/2015 Z. z., ktorou sa ustanovuje Katalóg odpadov v znení neskorších predpisov. 
Výkon služieb zberu, odvozu a likvidácie vzniknutého odpadu živočíšneho pôvodu ako dôsledku výkonu služieb je potrebné zabezpečovať v súlade s opatreniami v oblasti nakladania s odpadmi živočíšneho pôvodu, na predchádzanie vzniku a šíreniu prenosných ochorení. </t>
  </si>
  <si>
    <t>P.č.</t>
  </si>
  <si>
    <t>Predpokladaná plocha/ks MJ
na 12 mesiacov
(rozsah MJ)</t>
  </si>
  <si>
    <t>Položka č. 1.1 - Chemická dezinfekcia ovzdušia aerosolom</t>
  </si>
  <si>
    <r>
      <t>m</t>
    </r>
    <r>
      <rPr>
        <vertAlign val="superscript"/>
        <sz val="12"/>
        <color theme="1"/>
        <rFont val="Times New Roman"/>
        <family val="1"/>
        <charset val="238"/>
      </rPr>
      <t>3</t>
    </r>
  </si>
  <si>
    <t>-</t>
  </si>
  <si>
    <t>Položka č. 1.2 - Dezinfekcia vzduchotechnických jednotiek (VZT jednotka)</t>
  </si>
  <si>
    <t>2.</t>
  </si>
  <si>
    <t>Položka č. 2 - Dezinsekcia vnútorných a vonkajších priestorov</t>
  </si>
  <si>
    <r>
      <t>m</t>
    </r>
    <r>
      <rPr>
        <vertAlign val="superscript"/>
        <sz val="12"/>
        <color theme="1"/>
        <rFont val="Times New Roman"/>
        <family val="1"/>
        <charset val="238"/>
      </rPr>
      <t>2</t>
    </r>
  </si>
  <si>
    <t>3.</t>
  </si>
  <si>
    <t>Položka č. 3 - Deratizácia priestorov</t>
  </si>
  <si>
    <t>Predpokladaný počet zásahov</t>
  </si>
  <si>
    <t>MJ
(merná jednotka)</t>
  </si>
  <si>
    <t>Celkový rozsah MJ na predpokladaný počet zásahov</t>
  </si>
  <si>
    <t xml:space="preserve">Požadované minimálne technické vlastnosti, parametre a hodnoty predmetu zákazky
</t>
  </si>
  <si>
    <t>Položka č.1.1 a č. 1.2 - Chemická dezinfekcia ovzdušia aerosolom a Dezinfekcia vzduchotechnických jednotiek (VZT jednotka)</t>
  </si>
  <si>
    <t>Jedná sa o vykonanie dezinfekčných služieb v priestoroch jednotlivých oddelení, boxov, JIS oddelení, operačných sál, izieb pacientov a iných špeciálnych pracovísk verejného obstarávateľa</t>
  </si>
  <si>
    <t>Predpokladaný objem: 400 000 m3/ 1 rok</t>
  </si>
  <si>
    <t>Predpokladaný objem: 400 000 m3/ 2 roky</t>
  </si>
  <si>
    <t>Predpokladaný počet zásahov: cca 400 x / 1 rok</t>
  </si>
  <si>
    <t>Predpokladaný počet zásahov: cca 400 x / 2 roky</t>
  </si>
  <si>
    <t>Predpokladaný počet vzduchotechnických jednotiek vrátane prívodných a odvodných potrubí: cca 33 kusov</t>
  </si>
  <si>
    <t xml:space="preserve">Predpokladaný počet zásahov na vzduchotechnických jednotkách (VZT jednotkách) vrátane prívodných a odvodných potrubí: cca 4x za 1 rok </t>
  </si>
  <si>
    <t xml:space="preserve">Predpokladaný počet zásahov na vzduchotechnických jednotkách (VZT jednotkách) vrátane prívodných a odvodných potrubí: cca 8x za 2 roky </t>
  </si>
  <si>
    <t>Požaduje sa zabezpečenie dezinfekcie komplexne,  vrátane dodania dezinfekčných materiálov a prípravkov</t>
  </si>
  <si>
    <t>Verejný obstarávateľ požaduje nástup na vykonanie dezinfekcie do 24 hodín po obdržaní telefonickej alebo e-mailovej požiadavky verejného obstarávateľa. Pri zaslaní požiadavky e-mailom začína lehota plynúť od doručenia požiadavky verejného obstarávateľa  na predom stanovený e-mail dodávateľa  (verifikácia prostredníctvom funkcie automatickej odpovede).</t>
  </si>
  <si>
    <t>Verejný obstarávateľ požaduje pri vykonaní nepravidelnej dezinfekcie v prípade mimoriadnych udalostí nástup na dezinfekciu do 1 hodiny po obdržaní telefonickej alebo e-mailovej požiadavky verejného obstarávateľa.  Pri zaslaní požiadavky e-mailom začína lehota plynúť od doručenia požiadavky verejného obstarávateľa  na predom stanovený e-mail  dodávateľa  (verifikácia prostredníctvom funkcie automatickej odpovede).</t>
  </si>
  <si>
    <t>Verejný obstarávateľ požaduje pri vykonaní nepravidelnej dezinfekcie v prípade mimoriadných udalostí nástup na dezinfekciu do 1 hodiny po obdržaní telefonickej alebo e-mailovej požiadavky verejného obstarávateľa.  Pri zaslaní požiadavky e-mailom začína lehota plynúť od doručenia požiadavky verejného obstarávateľa  na predom stanovený e-mail  dodávateľa  (verifikácia prostredníctvom funkcie automatickej odpovede).</t>
  </si>
  <si>
    <t>Verejný obstarávateľ požaduje, aby bola dodávateľom použitá iba taká chemická aerosolová dezinfekcia (chemosterilant), ktorá pôsobí na všetky mikroorganizmy vrátane vírusov a zároveň pôsobí priestorovo, povrchovo a aj vo vzduchotechnických jednotkách a súvisiacich potrubiach, vyústeniach a komorách klimatizačných jednotiek.</t>
  </si>
  <si>
    <t>Verejný obstarávateľ požaduje, aby použitý dezinfekčný prípravok bol účinný na mykobaktérie, spóry, vírusy a musí byť batericidný, spricídny, fungicídny, virucídny a tuberkulocídny so sterilizačným efektom vzduchu.</t>
  </si>
  <si>
    <t>Verejný obstarávateľ požaduje, aby dezinfekčný prípravok mal antikoróznu úpravu tak, aby bol použiteľný na dezinfekciu vzduchotechnických jednotiek vrátane prívodných a odvodných potrubí, boxov, prístrojov, JIS oddelení, operačných sál, izieb pacientov a iných špeciálnych pracovísk verejného obstarávateľa.</t>
  </si>
  <si>
    <t>Verejný obstarávateľ požaduje, aby na vykonanie chemickej dezinfekcie bol použitý špeciálny prístroj s riadeným množstvom roztoku, s predhrievaním roztoku a reguláciou veľkosti kvapiek.</t>
  </si>
  <si>
    <t>Požaduje sa, použiť na dezinfekciu vzduchotechnických jednotiek vrátane prívodných a odvodných potrubí dezinfekčný prípravok ako u dezinfekcie ovzdušia.</t>
  </si>
  <si>
    <t>1</t>
  </si>
  <si>
    <t>Jedná sa o vykonanie dezinsekčných služieb v celom objekte verejného obstarávateľa (vo vnútri budov VÚSCH, a.s. ako aj na pozemku, na ktorom sú budovy postavené a ktoré sú vo výlučnom vlastníctve verejného obstarávateľa). Cieľom dezinsekčných služieb je prerušenie ciest pôvodcom nákaz od prameňa pôvodcov, ničenie epidemiologicky závažných alebo obťažujúcich článkonožcov, ničenie ich výskytu a udržanie ich stavu na prahu škodlivosti, a to formou preventívnej aj represívnej dezinsekcie. Dezinsekcia musí byť zabezpečená komplexne, vrátane dodania dezinsekčných materiálov, prípravkov a monitoringu. V prípade neúčinnosti vykonanej služby požaduje verejný obstarávateľ opakovanie dezinsekcie.</t>
  </si>
  <si>
    <t>2</t>
  </si>
  <si>
    <t>Predpokladaná plocha: cca 12 000 m2</t>
  </si>
  <si>
    <t>3</t>
  </si>
  <si>
    <t>Pravidelná dezinsekcia (predpokladaný počet zásahov):  4x za 1 rok</t>
  </si>
  <si>
    <t>Pravidelná dezinsekcia (predpokladaný počet zásahov):  8x za 2 roky</t>
  </si>
  <si>
    <t>4</t>
  </si>
  <si>
    <t xml:space="preserve">Dodávateľ je povinný vykonať dezinsekciu : </t>
  </si>
  <si>
    <t>a)</t>
  </si>
  <si>
    <t>jarný termín: v mesiacoch marec až apríl príslušného kalendárneho roka</t>
  </si>
  <si>
    <t>b)</t>
  </si>
  <si>
    <t>jesenný termín: v mesiacoch  september  až október príslušného kalendárneho roka</t>
  </si>
  <si>
    <t>c)</t>
  </si>
  <si>
    <t>mimo uvedený termín v prípade požiadavky verejného obstarávateľa</t>
  </si>
  <si>
    <t>5</t>
  </si>
  <si>
    <t>Verejný obstarávateľ požaduje opakovanie dezinsekcie v prípade neúčinnosti vykonanej služby</t>
  </si>
  <si>
    <t>6</t>
  </si>
  <si>
    <t>Verejný obstarávateľ požaduje nástup na vykonanie dezinsekcie do 24 hodín po obdržaní telefonickej alebo e-mailovej požiadavky verejného obstarávateľa. Pri zaslaní požiadavky e-mailom začína lehota plynúť od doručenia požiadavky verejného obstarávateľa  na predom stanovený e-mail  dodávateľa  (verifikácia prostredníctvom funkcie automatickej odpovede).</t>
  </si>
  <si>
    <t>Verejný obstarávateľ požaduje nástup na vykonanie dezinsekcie do 24 hodín po obdržaní telefonickej alebo e-mailovej požiadavky verejného obstarávateľa.Pri zaslaní požiadavky e-mailom začína lehota plynúť od doručenia požiadavky verejného obstarávateľa  na predom stanovený e-mail  dodávateľa  (verifikácia prostredníctvom funkcie automatickej odpovede).</t>
  </si>
  <si>
    <t>7</t>
  </si>
  <si>
    <t>Verejný obstarávateľ požaduje pri vykonaní nepravidelnej dezinsekcie v prípade výskytu hmyzu nástup na dezinsekciu do 1 hodiny po obdržaní telefonickej alebo e-mailovej požiadavky verejného obstarávateľa.  Pri zaslaní požiadavky e-mailom začína lehota plynúť od doručenia požiadavky verejného obstarávateľa  na predom stanovený e-mail  dodávateľa  (verifikácia prostredníctvom funkcie automatickej odpovede).</t>
  </si>
  <si>
    <t>8</t>
  </si>
  <si>
    <t>Verejný obstarávateľ požaduje aby priestory, v ktorých sa bude vykonávať dezinsekcia boli dodávateľom označené výstražnou tabuľou.</t>
  </si>
  <si>
    <t xml:space="preserve">Jedná sa o vykonanie deratizačných služieb v celom objekte verejného obstarávateľa (vo vnútri budov VÚSCH, a.s.). </t>
  </si>
  <si>
    <t>Predpokladaná plocha: cca 6 400 m2</t>
  </si>
  <si>
    <t>Pravidelná deratizácia (predpokladaný počet zásahov):  4x za 1 rok</t>
  </si>
  <si>
    <t>Pravidelná deratizácia (predpokladaný počet zásahov):  8x za 2 roky</t>
  </si>
  <si>
    <t>Verejný obstarávateľ požaduje deratizáciu zabezpečiť komplexne, vrátane dodania deratizačných materiálov a prípravkov a monitoringu.</t>
  </si>
  <si>
    <t>Verejný obstarávateľ požaduje v prípade neúčinnosti vykonanej služby opakovanie deratizácie doplnením nástrah a odstránenie vzniknutých odpadov po výkone služby (napr. zber a odvoz živočíšnych odpadov na likvidáciu a pod.)</t>
  </si>
  <si>
    <t>Verejný obstarávateľ požaduje potvrdenie resp. rozhodnutie o zbere, skladovaní a preprave - zvoz vedľajších živočíšnych produktov materiálu kategórie 1 - uhynuté zvieratá z deratizačnej činnosti a zároveň schválenie prevádzkarne podľa Nariadenia Europského parlamentu a Rady ES č.1069/2009, ktorým sú stanovené zdravotné predpisy podľa COLC/CAD</t>
  </si>
  <si>
    <t>Verejný obstarávateľ požaduje potvrdenie resp. rozhodnutie o zbere, skladovaní a preprave - zvoz vedľajších živočíšnych produktov materiálu kategórie 1 - uhynuté zvierata z deratizačnej činnosti a zaroveň schválenie prevádzkarne podľa Nariadenia Europského parlamentu a Rady ES č.1069/2009, ktorým sú stanovené zdravotné predpisy podľa COLC/CAD</t>
  </si>
  <si>
    <t>Verejný obstarávateľ požaduje predloženie potvrdenia s úradným číslom zo Štátnej vetrinárnej a potravinovej správy na činnosť zber a skladovanie vedľajších živočíšnych produktov kategórie 1 - uhynuté zvieratá z deratizačnej činnosti.</t>
  </si>
  <si>
    <t>Verejný obstarávateľ požaduje predloženie potvrdenia s úradným číslom zo Štátnej vetrinárnej a potravinovej správy na činnosť zber a skladovanie vedľajších živočíšnych produktov kategórie 1 - uhynuté zvierata z deratizačnej činnosti.</t>
  </si>
  <si>
    <t>Verejný obstarávateľ požaduje aby predmetná činnosť bola zahrnutá v OR - zber, spracovanie a likvidácia odpadov, poskytovanie služieb súvisiacich s upratovaním, upratovacie služby.</t>
  </si>
  <si>
    <t>Verejný obstarávateľ požaduje aby predmetná činnosť bola zahrnutá v OR - zber, spracovanie a likvidácia odpadov, poskytovanie služieb súvisiacích s upratovaním, upratovacie služby.</t>
  </si>
  <si>
    <t>9</t>
  </si>
  <si>
    <t>Verejný obstarávateľ požaduje aby vykonávateľ činnosti mal schválené priestory na uloženie uhynutých hlodavcov podľa zákona 39/2007 Z.z..</t>
  </si>
  <si>
    <t>Verejný obstaravateľ požaduje aby vykonávateľ činnosti mal schválené priestory na uloženie uhynutých hlodavcov podľa zákona 39/2007 Z.z.</t>
  </si>
  <si>
    <t>10</t>
  </si>
  <si>
    <t>Verejný obstarávateľ požaduje predloženie rozhodnutia RÚVZ podľa zákona č. 355/2007 na uvedenie - schválenie priestoru skladu kadáverov kategórie 1 - uhynuté zvieratá z deratizačnej činnosti podľa § 13 ods. 4 písm. a) zákona 355/2007 a § 46 a 47 zákona 71/1967 Zb. o správnom konaní v znení neskorších predpisov.</t>
  </si>
  <si>
    <t>Verejný obstaravateľ požaduje predloženie rozhodnutia RÚVZ podľa zákona č. 355/2007 na uvedenie - schválenie priestoru skladu kadáverov kategórie 1 - uhynuté zvieratá z deratizačnej činnosti podľa § 13 ods. 4 písm. a) zákona 355/2007 a § 46 a 47 zákona 71/1967 Zb. o správnom konaní v znení neskorších predpisov.</t>
  </si>
  <si>
    <t>11</t>
  </si>
  <si>
    <t xml:space="preserve">Dodávateľ je povinný vykonať deratizáciu : </t>
  </si>
  <si>
    <t>jesenný termín: v mesiacoch september až október príslušného kalendárneho roka</t>
  </si>
  <si>
    <t>12</t>
  </si>
  <si>
    <t>Verejný obstarávateľ požaduje aby priestory, v ktorých sa bude vykonávať deratizácia boli dodávateľom označené výstražnou tabuľou</t>
  </si>
  <si>
    <t>13</t>
  </si>
  <si>
    <t>Verejný obstarávateľ požaduje nástup na vykonanie deratizácie do 24 hodín po obdržaní telefonickej alebo e-mailovej požiadavky verejného obstarávateľa. Pri zaslaní požiadavky e-mailom začína lehota plynúť od doručenia požiadavky verejného obstarávateľa  na predom stanovený e-mail  dodávateľa  (verifikácia prostredníctvom funkcie automatickej odpovede).</t>
  </si>
  <si>
    <t>14</t>
  </si>
  <si>
    <t>Verejný obstarávateľ požaduje pri vykonaní nepravidelnej deratizácie  v prípade mimoriadnej udalosti  nástup na deratizáciu do 1 hodiny po obdržaní telefonickej alebo e-mailovej požiadavky verejného obstarávateľa. Pri zaslaní požiadavky e-mailom začína lehota plynúť od doručenia požiadavky verejného obstarávateľa  na predom stanovený e-mail  dodávateľa  (verifikácia prostredníctvom funkcie automatickej odpovede).</t>
  </si>
  <si>
    <t>15</t>
  </si>
  <si>
    <t>Verejný obstarávateľ požaduje pri výskyte uhynutých hlodavcov ich likvidáciu do 1 hodiny po obdržaní telefonickej požiadavky verejného obstarávateľa.</t>
  </si>
  <si>
    <r>
      <t xml:space="preserve">viď Položka č. 3 - Deratizácia priestorov
</t>
    </r>
    <r>
      <rPr>
        <sz val="10"/>
        <color theme="1"/>
        <rFont val="Arial"/>
        <family val="2"/>
        <charset val="238"/>
      </rPr>
      <t>bod 6., 7., 10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b/>
      <sz val="9"/>
      <name val="Arial"/>
      <family val="2"/>
      <charset val="238"/>
    </font>
    <font>
      <sz val="9"/>
      <color theme="1"/>
      <name val="Arial"/>
      <family val="2"/>
      <charset val="238"/>
    </font>
    <font>
      <b/>
      <sz val="11"/>
      <color theme="1"/>
      <name val="Calibri"/>
      <family val="2"/>
      <charset val="238"/>
      <scheme val="minor"/>
    </font>
    <font>
      <b/>
      <sz val="10"/>
      <color rgb="FFFF0000"/>
      <name val="Arial"/>
      <family val="2"/>
      <charset val="238"/>
    </font>
    <font>
      <sz val="10"/>
      <color rgb="FFFF0000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  <font>
      <i/>
      <sz val="10"/>
      <color rgb="FFFF0000"/>
      <name val="Arial"/>
      <family val="2"/>
      <charset val="238"/>
    </font>
    <font>
      <b/>
      <sz val="12"/>
      <color theme="1"/>
      <name val="Times New Roman"/>
      <family val="1"/>
      <charset val="238"/>
    </font>
    <font>
      <sz val="12"/>
      <color theme="1"/>
      <name val="Times New Roman"/>
      <family val="1"/>
      <charset val="238"/>
    </font>
    <font>
      <sz val="12"/>
      <name val="Times New Roman"/>
      <family val="1"/>
      <charset val="238"/>
    </font>
    <font>
      <vertAlign val="superscript"/>
      <sz val="12"/>
      <color theme="1"/>
      <name val="Times New Roman"/>
      <family val="1"/>
      <charset val="238"/>
    </font>
    <font>
      <b/>
      <sz val="12"/>
      <name val="Times New Roman"/>
      <family val="1"/>
      <charset val="238"/>
    </font>
    <font>
      <sz val="12"/>
      <color rgb="FF000000"/>
      <name val="Times New Roman"/>
      <family val="1"/>
      <charset val="238"/>
    </font>
  </fonts>
  <fills count="8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2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/>
      <top style="medium">
        <color auto="1"/>
      </top>
      <bottom style="medium">
        <color indexed="64"/>
      </bottom>
      <diagonal/>
    </border>
    <border>
      <left/>
      <right/>
      <top style="medium">
        <color auto="1"/>
      </top>
      <bottom style="medium">
        <color indexed="64"/>
      </bottom>
      <diagonal/>
    </border>
    <border>
      <left/>
      <right style="medium">
        <color auto="1"/>
      </right>
      <top style="medium">
        <color auto="1"/>
      </top>
      <bottom style="medium">
        <color indexed="64"/>
      </bottom>
      <diagonal/>
    </border>
    <border>
      <left style="thin">
        <color auto="1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 style="medium">
        <color indexed="64"/>
      </right>
      <top style="medium">
        <color indexed="64"/>
      </top>
      <bottom/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113">
    <xf numFmtId="0" fontId="0" fillId="0" borderId="0" xfId="0"/>
    <xf numFmtId="0" fontId="7" fillId="0" borderId="0" xfId="5" applyFont="1" applyAlignment="1" applyProtection="1">
      <alignment wrapText="1"/>
      <protection locked="0"/>
    </xf>
    <xf numFmtId="0" fontId="7" fillId="0" borderId="0" xfId="5" applyFont="1" applyBorder="1" applyAlignment="1" applyProtection="1">
      <alignment horizontal="center" wrapText="1"/>
      <protection locked="0"/>
    </xf>
    <xf numFmtId="0" fontId="12" fillId="5" borderId="9" xfId="0" applyFont="1" applyFill="1" applyBorder="1" applyAlignment="1" applyProtection="1">
      <alignment wrapText="1"/>
      <protection locked="0"/>
    </xf>
    <xf numFmtId="0" fontId="13" fillId="0" borderId="0" xfId="0" applyFont="1" applyAlignment="1" applyProtection="1">
      <alignment horizontal="left" vertical="center"/>
      <protection locked="0"/>
    </xf>
    <xf numFmtId="0" fontId="14" fillId="0" borderId="0" xfId="6" applyFont="1" applyAlignment="1" applyProtection="1">
      <alignment horizontal="left"/>
      <protection locked="0"/>
    </xf>
    <xf numFmtId="0" fontId="14" fillId="0" borderId="0" xfId="6" applyFont="1" applyAlignment="1" applyProtection="1">
      <alignment horizontal="center"/>
      <protection locked="0"/>
    </xf>
    <xf numFmtId="0" fontId="14" fillId="0" borderId="0" xfId="6" applyFont="1" applyFill="1" applyBorder="1" applyProtection="1">
      <protection locked="0"/>
    </xf>
    <xf numFmtId="0" fontId="14" fillId="0" borderId="0" xfId="6" applyFont="1" applyProtection="1">
      <protection locked="0"/>
    </xf>
    <xf numFmtId="0" fontId="2" fillId="0" borderId="0" xfId="0" applyFont="1" applyAlignment="1" applyProtection="1">
      <alignment wrapText="1"/>
      <protection locked="0"/>
    </xf>
    <xf numFmtId="0" fontId="2" fillId="0" borderId="0" xfId="0" applyFont="1" applyFill="1" applyAlignment="1" applyProtection="1">
      <alignment wrapText="1"/>
      <protection locked="0"/>
    </xf>
    <xf numFmtId="0" fontId="7" fillId="2" borderId="4" xfId="5" applyFont="1" applyFill="1" applyBorder="1" applyAlignment="1" applyProtection="1">
      <alignment horizontal="right" vertical="center" wrapText="1"/>
      <protection locked="0"/>
    </xf>
    <xf numFmtId="0" fontId="11" fillId="2" borderId="4" xfId="0" applyNumberFormat="1" applyFont="1" applyFill="1" applyBorder="1" applyAlignment="1" applyProtection="1">
      <alignment horizontal="left" vertical="center" wrapText="1"/>
      <protection locked="0"/>
    </xf>
    <xf numFmtId="0" fontId="7" fillId="2" borderId="4" xfId="0" applyNumberFormat="1" applyFont="1" applyFill="1" applyBorder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4" fillId="0" borderId="0" xfId="0" applyNumberFormat="1" applyFont="1" applyAlignment="1" applyProtection="1">
      <alignment horizontal="left" vertical="top" wrapText="1"/>
      <protection locked="0"/>
    </xf>
    <xf numFmtId="16" fontId="5" fillId="6" borderId="0" xfId="0" applyNumberFormat="1" applyFont="1" applyFill="1" applyAlignment="1" applyProtection="1">
      <alignment horizontal="left" vertical="top" wrapText="1"/>
      <protection locked="0"/>
    </xf>
    <xf numFmtId="0" fontId="2" fillId="6" borderId="0" xfId="0" applyFont="1" applyFill="1" applyAlignment="1" applyProtection="1">
      <alignment vertical="center" wrapText="1"/>
      <protection locked="0"/>
    </xf>
    <xf numFmtId="16" fontId="5" fillId="0" borderId="0" xfId="0" applyNumberFormat="1" applyFont="1" applyFill="1" applyAlignment="1" applyProtection="1">
      <alignment vertical="top" wrapText="1"/>
      <protection locked="0"/>
    </xf>
    <xf numFmtId="16" fontId="5" fillId="0" borderId="0" xfId="0" applyNumberFormat="1" applyFont="1" applyFill="1" applyAlignment="1" applyProtection="1">
      <alignment wrapText="1"/>
      <protection locked="0"/>
    </xf>
    <xf numFmtId="16" fontId="9" fillId="0" borderId="0" xfId="0" applyNumberFormat="1" applyFont="1" applyFill="1" applyAlignment="1" applyProtection="1">
      <alignment wrapText="1"/>
      <protection locked="0"/>
    </xf>
    <xf numFmtId="0" fontId="10" fillId="0" borderId="0" xfId="0" applyFont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horizontal="left" vertical="center" wrapText="1"/>
      <protection locked="0"/>
    </xf>
    <xf numFmtId="0" fontId="2" fillId="0" borderId="0" xfId="0" applyFont="1" applyFill="1" applyAlignment="1" applyProtection="1">
      <alignment vertical="center" wrapText="1"/>
      <protection locked="0"/>
    </xf>
    <xf numFmtId="0" fontId="2" fillId="0" borderId="0" xfId="0" applyFont="1" applyFill="1" applyAlignment="1" applyProtection="1">
      <alignment horizontal="left" vertical="center" wrapText="1"/>
      <protection locked="0"/>
    </xf>
    <xf numFmtId="49" fontId="5" fillId="0" borderId="0" xfId="1" applyNumberFormat="1" applyFont="1" applyBorder="1" applyAlignment="1" applyProtection="1">
      <alignment horizontal="left" vertical="top" wrapText="1"/>
      <protection locked="0"/>
    </xf>
    <xf numFmtId="49" fontId="5" fillId="0" borderId="0" xfId="1" applyNumberFormat="1" applyFont="1" applyBorder="1" applyAlignment="1" applyProtection="1">
      <alignment horizontal="center" vertical="top" wrapText="1"/>
      <protection locked="0"/>
    </xf>
    <xf numFmtId="49" fontId="5" fillId="0" borderId="0" xfId="1" applyNumberFormat="1" applyFont="1" applyBorder="1" applyAlignment="1" applyProtection="1">
      <alignment horizontal="left" vertical="center" wrapText="1"/>
      <protection locked="0"/>
    </xf>
    <xf numFmtId="0" fontId="10" fillId="0" borderId="0" xfId="0" applyFont="1" applyAlignment="1" applyProtection="1">
      <alignment vertical="center" wrapText="1"/>
      <protection locked="0"/>
    </xf>
    <xf numFmtId="0" fontId="7" fillId="0" borderId="0" xfId="5" applyFont="1" applyAlignment="1" applyProtection="1">
      <alignment horizontal="right" vertical="center" wrapText="1"/>
      <protection locked="0"/>
    </xf>
    <xf numFmtId="49" fontId="2" fillId="0" borderId="0" xfId="0" applyNumberFormat="1" applyFont="1" applyFill="1" applyAlignment="1" applyProtection="1">
      <alignment vertical="center" wrapText="1"/>
      <protection locked="0"/>
    </xf>
    <xf numFmtId="49" fontId="7" fillId="0" borderId="0" xfId="5" applyNumberFormat="1" applyFont="1" applyAlignment="1" applyProtection="1">
      <alignment wrapText="1"/>
      <protection locked="0"/>
    </xf>
    <xf numFmtId="49" fontId="2" fillId="0" borderId="0" xfId="0" applyNumberFormat="1" applyFont="1" applyFill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right" wrapText="1"/>
      <protection locked="0"/>
    </xf>
    <xf numFmtId="0" fontId="7" fillId="0" borderId="0" xfId="0" applyNumberFormat="1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right"/>
      <protection locked="0"/>
    </xf>
    <xf numFmtId="0" fontId="7" fillId="0" borderId="0" xfId="0" applyFont="1" applyAlignment="1" applyProtection="1">
      <alignment wrapText="1"/>
      <protection locked="0"/>
    </xf>
    <xf numFmtId="0" fontId="12" fillId="0" borderId="5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right" vertical="center"/>
      <protection locked="0"/>
    </xf>
    <xf numFmtId="0" fontId="7" fillId="0" borderId="0" xfId="0" applyFont="1" applyAlignment="1" applyProtection="1">
      <alignment horizontal="right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0" fontId="3" fillId="6" borderId="0" xfId="0" applyFont="1" applyFill="1" applyAlignment="1" applyProtection="1">
      <alignment vertical="center" wrapText="1"/>
      <protection locked="0"/>
    </xf>
    <xf numFmtId="49" fontId="2" fillId="0" borderId="10" xfId="0" applyNumberFormat="1" applyFont="1" applyFill="1" applyBorder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vertical="center"/>
      <protection locked="0"/>
    </xf>
    <xf numFmtId="0" fontId="18" fillId="0" borderId="2" xfId="0" applyNumberFormat="1" applyFont="1" applyFill="1" applyBorder="1" applyAlignment="1" applyProtection="1">
      <alignment horizontal="center" vertical="center" wrapText="1"/>
    </xf>
    <xf numFmtId="49" fontId="21" fillId="0" borderId="2" xfId="0" applyNumberFormat="1" applyFont="1" applyBorder="1" applyAlignment="1" applyProtection="1">
      <alignment horizontal="center" vertical="center"/>
    </xf>
    <xf numFmtId="49" fontId="21" fillId="0" borderId="2" xfId="0" applyNumberFormat="1" applyFont="1" applyBorder="1" applyAlignment="1" applyProtection="1">
      <alignment horizontal="right" vertical="center"/>
    </xf>
    <xf numFmtId="49" fontId="21" fillId="0" borderId="11" xfId="0" applyNumberFormat="1" applyFont="1" applyBorder="1" applyAlignment="1" applyProtection="1">
      <alignment horizontal="center" vertical="center"/>
    </xf>
    <xf numFmtId="0" fontId="4" fillId="0" borderId="0" xfId="0" applyNumberFormat="1" applyFont="1" applyFill="1" applyAlignment="1" applyProtection="1">
      <alignment horizontal="left" vertical="top" wrapText="1"/>
      <protection locked="0"/>
    </xf>
    <xf numFmtId="16" fontId="5" fillId="0" borderId="0" xfId="0" applyNumberFormat="1" applyFont="1" applyFill="1" applyAlignment="1" applyProtection="1">
      <alignment horizontal="left" vertical="top" wrapText="1"/>
      <protection locked="0"/>
    </xf>
    <xf numFmtId="49" fontId="3" fillId="0" borderId="0" xfId="0" applyNumberFormat="1" applyFont="1" applyFill="1" applyAlignment="1" applyProtection="1">
      <alignment horizontal="left" vertical="center" wrapText="1"/>
      <protection locked="0"/>
    </xf>
    <xf numFmtId="0" fontId="7" fillId="0" borderId="0" xfId="5" applyFont="1" applyAlignment="1" applyProtection="1">
      <alignment horizontal="center" vertical="top" wrapText="1"/>
      <protection locked="0"/>
    </xf>
    <xf numFmtId="0" fontId="2" fillId="0" borderId="0" xfId="0" applyFont="1" applyFill="1" applyAlignment="1" applyProtection="1">
      <alignment horizontal="center" vertical="top" wrapText="1"/>
      <protection locked="0"/>
    </xf>
    <xf numFmtId="0" fontId="3" fillId="4" borderId="0" xfId="0" applyFont="1" applyFill="1" applyAlignment="1" applyProtection="1">
      <alignment horizontal="center" vertical="center" wrapText="1"/>
      <protection locked="0"/>
    </xf>
    <xf numFmtId="0" fontId="3" fillId="0" borderId="0" xfId="0" applyFont="1" applyFill="1" applyAlignment="1" applyProtection="1">
      <alignment horizontal="left" vertical="center" wrapText="1"/>
      <protection locked="0"/>
    </xf>
    <xf numFmtId="0" fontId="8" fillId="0" borderId="0" xfId="0" applyFont="1" applyFill="1" applyAlignment="1" applyProtection="1">
      <alignment horizontal="left" vertical="center" wrapText="1"/>
      <protection locked="0"/>
    </xf>
    <xf numFmtId="0" fontId="13" fillId="0" borderId="0" xfId="0" applyFont="1" applyAlignment="1" applyProtection="1">
      <alignment horizontal="left"/>
      <protection locked="0"/>
    </xf>
    <xf numFmtId="0" fontId="12" fillId="0" borderId="1" xfId="0" applyFont="1" applyBorder="1" applyAlignment="1" applyProtection="1">
      <alignment horizontal="center"/>
      <protection locked="0"/>
    </xf>
    <xf numFmtId="0" fontId="11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5" applyFont="1" applyAlignment="1" applyProtection="1">
      <alignment horizontal="center" vertical="top" wrapText="1"/>
      <protection locked="0"/>
    </xf>
    <xf numFmtId="0" fontId="6" fillId="0" borderId="0" xfId="4" applyFont="1" applyAlignment="1" applyProtection="1">
      <alignment horizontal="left" vertical="center" wrapText="1"/>
      <protection locked="0"/>
    </xf>
    <xf numFmtId="0" fontId="11" fillId="0" borderId="0" xfId="5" applyFont="1" applyAlignment="1" applyProtection="1">
      <alignment horizontal="center" vertical="center" wrapText="1"/>
      <protection locked="0"/>
    </xf>
    <xf numFmtId="16" fontId="3" fillId="0" borderId="0" xfId="0" applyNumberFormat="1" applyFont="1" applyFill="1" applyAlignment="1" applyProtection="1">
      <alignment horizontal="left" vertical="top" wrapText="1"/>
      <protection locked="0"/>
    </xf>
    <xf numFmtId="0" fontId="4" fillId="0" borderId="0" xfId="0" applyNumberFormat="1" applyFont="1" applyFill="1" applyAlignment="1" applyProtection="1">
      <alignment horizontal="left" vertical="top" wrapText="1"/>
      <protection locked="0"/>
    </xf>
    <xf numFmtId="16" fontId="5" fillId="0" borderId="0" xfId="0" applyNumberFormat="1" applyFont="1" applyFill="1" applyAlignment="1" applyProtection="1">
      <alignment horizontal="left" vertical="top" wrapText="1"/>
      <protection locked="0"/>
    </xf>
    <xf numFmtId="0" fontId="4" fillId="6" borderId="0" xfId="0" applyFont="1" applyFill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horizontal="left" wrapText="1"/>
      <protection locked="0"/>
    </xf>
    <xf numFmtId="49" fontId="3" fillId="0" borderId="0" xfId="0" applyNumberFormat="1" applyFont="1" applyFill="1" applyAlignment="1" applyProtection="1">
      <alignment horizontal="left" vertical="center" wrapText="1"/>
      <protection locked="0"/>
    </xf>
    <xf numFmtId="0" fontId="4" fillId="0" borderId="0" xfId="0" applyFont="1" applyAlignment="1" applyProtection="1">
      <alignment horizontal="left" vertical="top" wrapText="1"/>
      <protection locked="0"/>
    </xf>
    <xf numFmtId="49" fontId="3" fillId="2" borderId="14" xfId="0" applyNumberFormat="1" applyFont="1" applyFill="1" applyBorder="1" applyAlignment="1" applyProtection="1">
      <alignment horizontal="left" vertical="top" wrapText="1"/>
      <protection locked="0"/>
    </xf>
    <xf numFmtId="49" fontId="3" fillId="2" borderId="15" xfId="0" applyNumberFormat="1" applyFont="1" applyFill="1" applyBorder="1" applyAlignment="1" applyProtection="1">
      <alignment horizontal="left" vertical="top" wrapText="1"/>
      <protection locked="0"/>
    </xf>
    <xf numFmtId="49" fontId="3" fillId="2" borderId="16" xfId="0" applyNumberFormat="1" applyFont="1" applyFill="1" applyBorder="1" applyAlignment="1" applyProtection="1">
      <alignment horizontal="left" vertical="top" wrapText="1"/>
      <protection locked="0"/>
    </xf>
    <xf numFmtId="0" fontId="3" fillId="6" borderId="17" xfId="0" applyFont="1" applyFill="1" applyBorder="1" applyAlignment="1" applyProtection="1">
      <alignment horizontal="left" vertical="center" wrapText="1"/>
      <protection locked="0"/>
    </xf>
    <xf numFmtId="0" fontId="2" fillId="6" borderId="15" xfId="0" applyFont="1" applyFill="1" applyBorder="1" applyAlignment="1" applyProtection="1">
      <alignment horizontal="left" vertical="center" wrapText="1"/>
      <protection locked="0"/>
    </xf>
    <xf numFmtId="0" fontId="2" fillId="6" borderId="16" xfId="0" applyFont="1" applyFill="1" applyBorder="1" applyAlignment="1" applyProtection="1">
      <alignment horizontal="left" vertical="center" wrapText="1"/>
      <protection locked="0"/>
    </xf>
    <xf numFmtId="49" fontId="5" fillId="2" borderId="18" xfId="0" applyNumberFormat="1" applyFont="1" applyFill="1" applyBorder="1" applyAlignment="1" applyProtection="1">
      <alignment horizontal="left" vertical="center" wrapText="1"/>
      <protection locked="0"/>
    </xf>
    <xf numFmtId="49" fontId="5" fillId="2" borderId="19" xfId="0" applyNumberFormat="1" applyFont="1" applyFill="1" applyBorder="1" applyAlignment="1" applyProtection="1">
      <alignment horizontal="left" vertical="center" wrapText="1"/>
      <protection locked="0"/>
    </xf>
    <xf numFmtId="49" fontId="5" fillId="2" borderId="20" xfId="0" applyNumberFormat="1" applyFont="1" applyFill="1" applyBorder="1" applyAlignment="1" applyProtection="1">
      <alignment horizontal="left" vertical="center" wrapText="1"/>
      <protection locked="0"/>
    </xf>
    <xf numFmtId="0" fontId="17" fillId="0" borderId="4" xfId="0" applyFont="1" applyBorder="1" applyAlignment="1" applyProtection="1">
      <alignment horizontal="left" vertical="center" wrapText="1"/>
    </xf>
    <xf numFmtId="0" fontId="17" fillId="0" borderId="3" xfId="0" applyFont="1" applyBorder="1" applyAlignment="1" applyProtection="1">
      <alignment horizontal="left" vertical="center" wrapText="1"/>
    </xf>
    <xf numFmtId="49" fontId="20" fillId="7" borderId="2" xfId="0" applyNumberFormat="1" applyFont="1" applyFill="1" applyBorder="1" applyAlignment="1" applyProtection="1">
      <alignment horizontal="left" vertical="center"/>
    </xf>
    <xf numFmtId="49" fontId="20" fillId="7" borderId="4" xfId="0" applyNumberFormat="1" applyFont="1" applyFill="1" applyBorder="1" applyAlignment="1" applyProtection="1">
      <alignment horizontal="left" vertical="center"/>
    </xf>
    <xf numFmtId="49" fontId="20" fillId="7" borderId="3" xfId="0" applyNumberFormat="1" applyFont="1" applyFill="1" applyBorder="1" applyAlignment="1" applyProtection="1">
      <alignment horizontal="left" vertical="center"/>
    </xf>
    <xf numFmtId="0" fontId="17" fillId="0" borderId="12" xfId="0" applyFont="1" applyBorder="1" applyAlignment="1" applyProtection="1">
      <alignment horizontal="left" vertical="center" wrapText="1"/>
    </xf>
    <xf numFmtId="0" fontId="17" fillId="0" borderId="13" xfId="0" applyFont="1" applyBorder="1" applyAlignment="1" applyProtection="1">
      <alignment horizontal="left" vertical="center" wrapText="1"/>
    </xf>
    <xf numFmtId="49" fontId="20" fillId="7" borderId="6" xfId="0" applyNumberFormat="1" applyFont="1" applyFill="1" applyBorder="1" applyAlignment="1" applyProtection="1">
      <alignment horizontal="left" vertical="center"/>
    </xf>
    <xf numFmtId="49" fontId="20" fillId="7" borderId="7" xfId="0" applyNumberFormat="1" applyFont="1" applyFill="1" applyBorder="1" applyAlignment="1" applyProtection="1">
      <alignment horizontal="left" vertical="center"/>
    </xf>
    <xf numFmtId="49" fontId="20" fillId="7" borderId="8" xfId="0" applyNumberFormat="1" applyFont="1" applyFill="1" applyBorder="1" applyAlignment="1" applyProtection="1">
      <alignment horizontal="left" vertical="center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left" vertical="center" wrapText="1"/>
      <protection locked="0"/>
    </xf>
    <xf numFmtId="0" fontId="12" fillId="0" borderId="0" xfId="0" applyFont="1" applyAlignment="1" applyProtection="1">
      <alignment wrapText="1"/>
      <protection locked="0"/>
    </xf>
    <xf numFmtId="49" fontId="4" fillId="0" borderId="0" xfId="0" applyNumberFormat="1" applyFont="1" applyFill="1" applyAlignment="1" applyProtection="1">
      <alignment horizontal="left" vertical="top" wrapText="1"/>
    </xf>
    <xf numFmtId="0" fontId="16" fillId="3" borderId="6" xfId="0" applyFont="1" applyFill="1" applyBorder="1" applyAlignment="1" applyProtection="1">
      <alignment horizontal="center" vertical="top" wrapText="1"/>
    </xf>
    <xf numFmtId="0" fontId="16" fillId="3" borderId="7" xfId="0" applyFont="1" applyFill="1" applyBorder="1" applyAlignment="1" applyProtection="1">
      <alignment horizontal="center" vertical="top" wrapText="1"/>
    </xf>
    <xf numFmtId="0" fontId="16" fillId="3" borderId="8" xfId="0" applyFont="1" applyFill="1" applyBorder="1" applyAlignment="1" applyProtection="1">
      <alignment horizontal="center" vertical="top" wrapText="1"/>
    </xf>
    <xf numFmtId="16" fontId="17" fillId="0" borderId="2" xfId="0" applyNumberFormat="1" applyFont="1" applyBorder="1" applyAlignment="1" applyProtection="1">
      <alignment horizontal="center" vertical="center" wrapText="1"/>
    </xf>
    <xf numFmtId="0" fontId="18" fillId="6" borderId="4" xfId="0" applyFont="1" applyFill="1" applyBorder="1" applyAlignment="1" applyProtection="1">
      <alignment horizontal="left" vertical="center" wrapText="1"/>
    </xf>
    <xf numFmtId="0" fontId="17" fillId="6" borderId="4" xfId="0" applyFont="1" applyFill="1" applyBorder="1" applyAlignment="1" applyProtection="1">
      <alignment horizontal="center" vertical="center" wrapText="1"/>
    </xf>
    <xf numFmtId="3" fontId="18" fillId="6" borderId="4" xfId="0" applyNumberFormat="1" applyFont="1" applyFill="1" applyBorder="1" applyAlignment="1" applyProtection="1">
      <alignment horizontal="center" vertical="center" wrapText="1"/>
    </xf>
    <xf numFmtId="0" fontId="17" fillId="6" borderId="3" xfId="0" applyFont="1" applyFill="1" applyBorder="1" applyAlignment="1" applyProtection="1">
      <alignment horizontal="center" vertical="center" wrapText="1"/>
    </xf>
    <xf numFmtId="0" fontId="18" fillId="6" borderId="4" xfId="0" applyFont="1" applyFill="1" applyBorder="1" applyAlignment="1" applyProtection="1">
      <alignment horizontal="center" vertical="center" wrapText="1"/>
    </xf>
    <xf numFmtId="0" fontId="17" fillId="0" borderId="2" xfId="0" applyFont="1" applyBorder="1" applyAlignment="1" applyProtection="1">
      <alignment horizontal="center" vertical="center" wrapText="1"/>
    </xf>
    <xf numFmtId="3" fontId="17" fillId="6" borderId="4" xfId="0" applyNumberFormat="1" applyFont="1" applyFill="1" applyBorder="1" applyAlignment="1" applyProtection="1">
      <alignment horizontal="center" vertical="center" wrapText="1"/>
    </xf>
    <xf numFmtId="0" fontId="17" fillId="0" borderId="11" xfId="0" applyFont="1" applyBorder="1" applyAlignment="1" applyProtection="1">
      <alignment horizontal="center" vertical="center" wrapText="1"/>
    </xf>
    <xf numFmtId="0" fontId="18" fillId="6" borderId="12" xfId="0" applyFont="1" applyFill="1" applyBorder="1" applyAlignment="1" applyProtection="1">
      <alignment horizontal="left" vertical="center" wrapText="1"/>
    </xf>
    <xf numFmtId="0" fontId="17" fillId="6" borderId="12" xfId="0" applyFont="1" applyFill="1" applyBorder="1" applyAlignment="1" applyProtection="1">
      <alignment horizontal="center" vertical="center" wrapText="1"/>
    </xf>
    <xf numFmtId="3" fontId="17" fillId="6" borderId="12" xfId="0" applyNumberFormat="1" applyFont="1" applyFill="1" applyBorder="1" applyAlignment="1" applyProtection="1">
      <alignment horizontal="center" vertical="center" wrapText="1"/>
    </xf>
    <xf numFmtId="0" fontId="18" fillId="6" borderId="12" xfId="0" applyFont="1" applyFill="1" applyBorder="1" applyAlignment="1" applyProtection="1">
      <alignment horizontal="center" vertical="center" wrapText="1"/>
    </xf>
    <xf numFmtId="0" fontId="17" fillId="6" borderId="13" xfId="0" applyFont="1" applyFill="1" applyBorder="1" applyAlignment="1" applyProtection="1">
      <alignment horizontal="center" vertical="center" wrapText="1"/>
    </xf>
  </cellXfs>
  <cellStyles count="7">
    <cellStyle name="Normálna" xfId="0" builtinId="0"/>
    <cellStyle name="Normálna 2" xfId="2"/>
    <cellStyle name="Normálna 2 2" xfId="6"/>
    <cellStyle name="Normálne 2" xfId="3"/>
    <cellStyle name="normálne 2 2" xfId="1"/>
    <cellStyle name="normálne 2 2 2" xfId="4"/>
    <cellStyle name="Normálne 4" xfId="5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checked="Checked" lockText="1" noThreeD="1"/>
</file>

<file path=xl/ctrlProps/ctrlProp3.xml><?xml version="1.0" encoding="utf-8"?>
<formControlPr xmlns="http://schemas.microsoft.com/office/spreadsheetml/2009/9/main" objectType="CheckBox" checked="Checked" lockText="1" noThreeD="1"/>
</file>

<file path=xl/ctrlProps/ctrlProp4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23</xdr:row>
          <xdr:rowOff>0</xdr:rowOff>
        </xdr:from>
        <xdr:to>
          <xdr:col>1</xdr:col>
          <xdr:colOff>885825</xdr:colOff>
          <xdr:row>23</xdr:row>
          <xdr:rowOff>219075</xdr:rowOff>
        </xdr:to>
        <xdr:sp macro="" textlink="">
          <xdr:nvSpPr>
            <xdr:cNvPr id="8195" name="Check Box 3" hidden="1">
              <a:extLst>
                <a:ext uri="{63B3BB69-23CF-44E3-9099-C40C66FF867C}">
                  <a14:compatExt spid="_x0000_s81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24</xdr:row>
          <xdr:rowOff>9525</xdr:rowOff>
        </xdr:from>
        <xdr:to>
          <xdr:col>1</xdr:col>
          <xdr:colOff>885825</xdr:colOff>
          <xdr:row>24</xdr:row>
          <xdr:rowOff>228600</xdr:rowOff>
        </xdr:to>
        <xdr:sp macro="" textlink="">
          <xdr:nvSpPr>
            <xdr:cNvPr id="8196" name="Check Box 4" hidden="1">
              <a:extLst>
                <a:ext uri="{63B3BB69-23CF-44E3-9099-C40C66FF867C}">
                  <a14:compatExt spid="_x0000_s81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33</xdr:row>
          <xdr:rowOff>9525</xdr:rowOff>
        </xdr:from>
        <xdr:to>
          <xdr:col>1</xdr:col>
          <xdr:colOff>885825</xdr:colOff>
          <xdr:row>33</xdr:row>
          <xdr:rowOff>228600</xdr:rowOff>
        </xdr:to>
        <xdr:sp macro="" textlink="">
          <xdr:nvSpPr>
            <xdr:cNvPr id="8197" name="Check Box 5" hidden="1">
              <a:extLst>
                <a:ext uri="{63B3BB69-23CF-44E3-9099-C40C66FF867C}">
                  <a14:compatExt spid="_x0000_s81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34</xdr:row>
          <xdr:rowOff>0</xdr:rowOff>
        </xdr:from>
        <xdr:to>
          <xdr:col>1</xdr:col>
          <xdr:colOff>885825</xdr:colOff>
          <xdr:row>35</xdr:row>
          <xdr:rowOff>0</xdr:rowOff>
        </xdr:to>
        <xdr:sp macro="" textlink="">
          <xdr:nvSpPr>
            <xdr:cNvPr id="8198" name="Check Box 6" hidden="1">
              <a:extLst>
                <a:ext uri="{63B3BB69-23CF-44E3-9099-C40C66FF867C}">
                  <a14:compatExt spid="_x0000_s81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92D050"/>
  </sheetPr>
  <dimension ref="A1:F121"/>
  <sheetViews>
    <sheetView showGridLines="0" tabSelected="1" zoomScale="90" zoomScaleNormal="90" workbookViewId="0"/>
  </sheetViews>
  <sheetFormatPr defaultRowHeight="12.75" x14ac:dyDescent="0.2"/>
  <cols>
    <col min="1" max="1" width="5.5703125" style="9" customWidth="1"/>
    <col min="2" max="2" width="21.5703125" style="9" customWidth="1"/>
    <col min="3" max="3" width="36.85546875" style="9" customWidth="1"/>
    <col min="4" max="4" width="36.42578125" style="24" customWidth="1"/>
    <col min="5" max="5" width="16.7109375" style="24" customWidth="1"/>
    <col min="6" max="6" width="19.7109375" style="14" customWidth="1"/>
    <col min="7" max="16384" width="9.140625" style="9"/>
  </cols>
  <sheetData>
    <row r="1" spans="2:6" s="10" customFormat="1" ht="22.5" customHeight="1" x14ac:dyDescent="0.2">
      <c r="B1" s="55"/>
      <c r="C1" s="55"/>
      <c r="D1" s="55"/>
      <c r="E1" s="55"/>
      <c r="F1" s="55"/>
    </row>
    <row r="2" spans="2:6" ht="24.95" customHeight="1" x14ac:dyDescent="0.2">
      <c r="B2" s="11" t="s">
        <v>29</v>
      </c>
      <c r="C2" s="12"/>
      <c r="D2" s="43"/>
      <c r="E2" s="43"/>
      <c r="F2" s="43"/>
    </row>
    <row r="3" spans="2:6" ht="24.95" customHeight="1" x14ac:dyDescent="0.2">
      <c r="B3" s="11" t="s">
        <v>28</v>
      </c>
      <c r="C3" s="13"/>
      <c r="D3" s="43"/>
      <c r="E3" s="43"/>
      <c r="F3" s="43"/>
    </row>
    <row r="4" spans="2:6" ht="15.75" customHeight="1" x14ac:dyDescent="0.2">
      <c r="B4" s="43"/>
      <c r="C4" s="43"/>
      <c r="D4" s="43"/>
      <c r="E4" s="43"/>
      <c r="F4" s="43"/>
    </row>
    <row r="5" spans="2:6" s="14" customFormat="1" ht="20.100000000000001" customHeight="1" x14ac:dyDescent="0.25">
      <c r="B5" s="56" t="s">
        <v>2</v>
      </c>
      <c r="C5" s="56"/>
      <c r="D5" s="56"/>
      <c r="E5" s="56"/>
      <c r="F5" s="56"/>
    </row>
    <row r="6" spans="2:6" s="14" customFormat="1" ht="20.100000000000001" customHeight="1" x14ac:dyDescent="0.25">
      <c r="B6" s="66" t="s">
        <v>4</v>
      </c>
      <c r="C6" s="66"/>
      <c r="D6" s="66"/>
      <c r="E6" s="66"/>
      <c r="F6" s="66"/>
    </row>
    <row r="7" spans="2:6" ht="28.5" customHeight="1" x14ac:dyDescent="0.2">
      <c r="B7" s="67" t="s">
        <v>41</v>
      </c>
      <c r="C7" s="67"/>
      <c r="D7" s="67"/>
      <c r="E7" s="67"/>
      <c r="F7" s="67"/>
    </row>
    <row r="8" spans="2:6" ht="4.5" customHeight="1" x14ac:dyDescent="0.2">
      <c r="B8" s="15"/>
      <c r="C8" s="15"/>
      <c r="D8" s="15"/>
      <c r="E8" s="15"/>
      <c r="F8" s="15"/>
    </row>
    <row r="9" spans="2:6" s="14" customFormat="1" ht="20.100000000000001" customHeight="1" x14ac:dyDescent="0.25">
      <c r="B9" s="68" t="s">
        <v>5</v>
      </c>
      <c r="C9" s="68"/>
      <c r="D9" s="68"/>
      <c r="E9" s="68"/>
      <c r="F9" s="68"/>
    </row>
    <row r="10" spans="2:6" s="14" customFormat="1" ht="20.100000000000001" customHeight="1" x14ac:dyDescent="0.25">
      <c r="B10" s="69" t="s">
        <v>38</v>
      </c>
      <c r="C10" s="69"/>
      <c r="D10" s="69"/>
      <c r="E10" s="52"/>
      <c r="F10" s="52"/>
    </row>
    <row r="11" spans="2:6" s="17" customFormat="1" ht="20.100000000000001" customHeight="1" x14ac:dyDescent="0.25">
      <c r="B11" s="69" t="s">
        <v>39</v>
      </c>
      <c r="C11" s="69"/>
      <c r="D11" s="69"/>
      <c r="E11" s="16"/>
      <c r="F11" s="16"/>
    </row>
    <row r="12" spans="2:6" s="14" customFormat="1" ht="20.100000000000001" customHeight="1" x14ac:dyDescent="0.25">
      <c r="B12" s="69" t="s">
        <v>40</v>
      </c>
      <c r="C12" s="69"/>
      <c r="D12" s="69"/>
      <c r="E12" s="52"/>
      <c r="F12" s="52"/>
    </row>
    <row r="13" spans="2:6" s="17" customFormat="1" ht="20.100000000000001" customHeight="1" x14ac:dyDescent="0.25">
      <c r="B13" s="69" t="s">
        <v>32</v>
      </c>
      <c r="C13" s="69"/>
      <c r="D13" s="69"/>
      <c r="E13" s="16"/>
      <c r="F13" s="16"/>
    </row>
    <row r="14" spans="2:6" ht="4.5" customHeight="1" x14ac:dyDescent="0.2">
      <c r="B14" s="51"/>
      <c r="C14" s="51"/>
      <c r="D14" s="51"/>
      <c r="E14" s="15"/>
      <c r="F14" s="15"/>
    </row>
    <row r="15" spans="2:6" ht="20.100000000000001" customHeight="1" x14ac:dyDescent="0.2">
      <c r="B15" s="18" t="s">
        <v>6</v>
      </c>
      <c r="C15" s="19"/>
      <c r="D15" s="19"/>
      <c r="E15" s="20"/>
      <c r="F15" s="20"/>
    </row>
    <row r="16" spans="2:6" s="23" customFormat="1" ht="24.95" customHeight="1" x14ac:dyDescent="0.25">
      <c r="B16" s="72" t="s">
        <v>42</v>
      </c>
      <c r="C16" s="72"/>
      <c r="D16" s="72"/>
      <c r="E16" s="21"/>
      <c r="F16" s="22"/>
    </row>
    <row r="17" spans="1:6" ht="5.0999999999999996" customHeight="1" x14ac:dyDescent="0.2">
      <c r="B17" s="70"/>
      <c r="C17" s="70"/>
      <c r="D17" s="70"/>
      <c r="F17" s="22"/>
    </row>
    <row r="18" spans="1:6" s="14" customFormat="1" ht="20.100000000000001" customHeight="1" x14ac:dyDescent="0.25">
      <c r="B18" s="56" t="s">
        <v>14</v>
      </c>
      <c r="C18" s="56"/>
      <c r="D18" s="56"/>
      <c r="E18" s="56"/>
      <c r="F18" s="56"/>
    </row>
    <row r="19" spans="1:6" ht="217.5" customHeight="1" x14ac:dyDescent="0.2">
      <c r="B19" s="95" t="s">
        <v>43</v>
      </c>
      <c r="C19" s="95"/>
      <c r="D19" s="95"/>
      <c r="E19" s="95"/>
      <c r="F19" s="95"/>
    </row>
    <row r="20" spans="1:6" ht="5.0999999999999996" customHeight="1" x14ac:dyDescent="0.2">
      <c r="B20" s="70"/>
      <c r="C20" s="70"/>
      <c r="D20" s="70"/>
      <c r="F20" s="25"/>
    </row>
    <row r="21" spans="1:6" s="14" customFormat="1" ht="20.100000000000001" customHeight="1" x14ac:dyDescent="0.25">
      <c r="B21" s="56" t="s">
        <v>15</v>
      </c>
      <c r="C21" s="56"/>
      <c r="D21" s="56"/>
      <c r="E21" s="56"/>
      <c r="F21" s="56"/>
    </row>
    <row r="22" spans="1:6" s="26" customFormat="1" ht="20.100000000000001" customHeight="1" x14ac:dyDescent="0.25">
      <c r="B22" s="71" t="s">
        <v>3</v>
      </c>
      <c r="C22" s="71"/>
      <c r="D22" s="71"/>
      <c r="E22" s="71"/>
      <c r="F22" s="71"/>
    </row>
    <row r="23" spans="1:6" s="26" customFormat="1" ht="20.100000000000001" customHeight="1" x14ac:dyDescent="0.25">
      <c r="B23" s="57" t="s">
        <v>9</v>
      </c>
      <c r="C23" s="58"/>
      <c r="D23" s="53"/>
      <c r="E23" s="53"/>
      <c r="F23" s="53"/>
    </row>
    <row r="24" spans="1:6" s="26" customFormat="1" ht="20.100000000000001" customHeight="1" x14ac:dyDescent="0.25">
      <c r="B24" s="27"/>
      <c r="C24" s="27" t="s">
        <v>12</v>
      </c>
      <c r="D24" s="53"/>
      <c r="E24" s="53"/>
      <c r="F24" s="53"/>
    </row>
    <row r="25" spans="1:6" s="26" customFormat="1" ht="20.100000000000001" customHeight="1" x14ac:dyDescent="0.25">
      <c r="B25" s="27"/>
      <c r="C25" s="27" t="s">
        <v>13</v>
      </c>
      <c r="D25" s="53"/>
      <c r="E25" s="53"/>
      <c r="F25" s="53"/>
    </row>
    <row r="26" spans="1:6" s="26" customFormat="1" ht="20.100000000000001" customHeight="1" thickBot="1" x14ac:dyDescent="0.3">
      <c r="B26" s="57" t="s">
        <v>10</v>
      </c>
      <c r="C26" s="58"/>
      <c r="D26" s="53"/>
      <c r="E26" s="53"/>
      <c r="F26" s="53"/>
    </row>
    <row r="27" spans="1:6" s="26" customFormat="1" ht="63" customHeight="1" x14ac:dyDescent="0.25">
      <c r="A27" s="96" t="s">
        <v>44</v>
      </c>
      <c r="B27" s="97" t="s">
        <v>7</v>
      </c>
      <c r="C27" s="97" t="s">
        <v>56</v>
      </c>
      <c r="D27" s="97" t="s">
        <v>45</v>
      </c>
      <c r="E27" s="97" t="s">
        <v>55</v>
      </c>
      <c r="F27" s="98" t="s">
        <v>57</v>
      </c>
    </row>
    <row r="28" spans="1:6" s="26" customFormat="1" ht="87" customHeight="1" x14ac:dyDescent="0.25">
      <c r="A28" s="99">
        <v>44197</v>
      </c>
      <c r="B28" s="100" t="s">
        <v>46</v>
      </c>
      <c r="C28" s="101" t="s">
        <v>47</v>
      </c>
      <c r="D28" s="101" t="s">
        <v>48</v>
      </c>
      <c r="E28" s="102">
        <v>400</v>
      </c>
      <c r="F28" s="103">
        <v>200000</v>
      </c>
    </row>
    <row r="29" spans="1:6" s="26" customFormat="1" ht="87" customHeight="1" x14ac:dyDescent="0.25">
      <c r="A29" s="99">
        <v>44228</v>
      </c>
      <c r="B29" s="100" t="s">
        <v>49</v>
      </c>
      <c r="C29" s="101" t="s">
        <v>35</v>
      </c>
      <c r="D29" s="101">
        <v>33</v>
      </c>
      <c r="E29" s="104">
        <v>4</v>
      </c>
      <c r="F29" s="103">
        <f>E29*D29</f>
        <v>132</v>
      </c>
    </row>
    <row r="30" spans="1:6" s="26" customFormat="1" ht="87" customHeight="1" x14ac:dyDescent="0.25">
      <c r="A30" s="105" t="s">
        <v>50</v>
      </c>
      <c r="B30" s="100" t="s">
        <v>51</v>
      </c>
      <c r="C30" s="101" t="s">
        <v>52</v>
      </c>
      <c r="D30" s="106">
        <v>12000</v>
      </c>
      <c r="E30" s="102">
        <v>4</v>
      </c>
      <c r="F30" s="103">
        <f t="shared" ref="F30:F31" si="0">E30*D30</f>
        <v>48000</v>
      </c>
    </row>
    <row r="31" spans="1:6" s="26" customFormat="1" ht="87" customHeight="1" thickBot="1" x14ac:dyDescent="0.3">
      <c r="A31" s="107" t="s">
        <v>53</v>
      </c>
      <c r="B31" s="108" t="s">
        <v>54</v>
      </c>
      <c r="C31" s="109" t="s">
        <v>52</v>
      </c>
      <c r="D31" s="110">
        <v>6400</v>
      </c>
      <c r="E31" s="111">
        <v>4</v>
      </c>
      <c r="F31" s="112">
        <f t="shared" si="0"/>
        <v>25600</v>
      </c>
    </row>
    <row r="32" spans="1:6" s="26" customFormat="1" ht="18" customHeight="1" x14ac:dyDescent="0.25">
      <c r="B32" s="53"/>
      <c r="C32" s="53"/>
      <c r="D32" s="53"/>
      <c r="E32" s="53"/>
      <c r="F32" s="53"/>
    </row>
    <row r="33" spans="2:6" s="26" customFormat="1" ht="20.100000000000001" customHeight="1" x14ac:dyDescent="0.25">
      <c r="B33" s="57" t="s">
        <v>11</v>
      </c>
      <c r="C33" s="58"/>
      <c r="D33" s="53"/>
      <c r="E33" s="53"/>
      <c r="F33" s="53"/>
    </row>
    <row r="34" spans="2:6" s="26" customFormat="1" ht="20.100000000000001" customHeight="1" x14ac:dyDescent="0.2">
      <c r="B34" s="10"/>
      <c r="C34" s="26" t="s">
        <v>0</v>
      </c>
      <c r="D34" s="53"/>
      <c r="E34" s="53"/>
      <c r="F34" s="53"/>
    </row>
    <row r="35" spans="2:6" s="26" customFormat="1" ht="20.100000000000001" customHeight="1" x14ac:dyDescent="0.25">
      <c r="B35" s="27"/>
      <c r="C35" s="14" t="s">
        <v>1</v>
      </c>
      <c r="D35" s="53"/>
      <c r="E35" s="53"/>
      <c r="F35" s="53"/>
    </row>
    <row r="36" spans="2:6" ht="5.0999999999999996" customHeight="1" x14ac:dyDescent="0.2"/>
    <row r="37" spans="2:6" s="14" customFormat="1" ht="20.100000000000001" customHeight="1" x14ac:dyDescent="0.25">
      <c r="B37" s="56" t="s">
        <v>16</v>
      </c>
      <c r="C37" s="56"/>
      <c r="D37" s="56"/>
      <c r="E37" s="56"/>
      <c r="F37" s="56"/>
    </row>
    <row r="38" spans="2:6" s="14" customFormat="1" ht="5.0999999999999996" customHeight="1" thickBot="1" x14ac:dyDescent="0.3">
      <c r="B38" s="25"/>
      <c r="D38" s="44"/>
      <c r="E38" s="44"/>
      <c r="F38" s="44"/>
    </row>
    <row r="39" spans="2:6" s="23" customFormat="1" ht="36.75" customHeight="1" thickBot="1" x14ac:dyDescent="0.3">
      <c r="B39" s="79" t="s">
        <v>58</v>
      </c>
      <c r="C39" s="80"/>
      <c r="D39" s="80"/>
      <c r="E39" s="80"/>
      <c r="F39" s="81"/>
    </row>
    <row r="40" spans="2:6" s="46" customFormat="1" ht="33" customHeight="1" x14ac:dyDescent="0.25">
      <c r="B40" s="89" t="s">
        <v>59</v>
      </c>
      <c r="C40" s="90"/>
      <c r="D40" s="90"/>
      <c r="E40" s="90"/>
      <c r="F40" s="91"/>
    </row>
    <row r="41" spans="2:6" s="46" customFormat="1" ht="47.25" customHeight="1" x14ac:dyDescent="0.25">
      <c r="B41" s="47">
        <v>1</v>
      </c>
      <c r="C41" s="82" t="s">
        <v>60</v>
      </c>
      <c r="D41" s="82"/>
      <c r="E41" s="82"/>
      <c r="F41" s="83"/>
    </row>
    <row r="42" spans="2:6" s="46" customFormat="1" ht="22.5" customHeight="1" x14ac:dyDescent="0.25">
      <c r="B42" s="47">
        <v>2</v>
      </c>
      <c r="C42" s="82" t="s">
        <v>61</v>
      </c>
      <c r="D42" s="82" t="s">
        <v>62</v>
      </c>
      <c r="E42" s="82" t="s">
        <v>62</v>
      </c>
      <c r="F42" s="83" t="s">
        <v>62</v>
      </c>
    </row>
    <row r="43" spans="2:6" s="46" customFormat="1" ht="22.5" customHeight="1" x14ac:dyDescent="0.25">
      <c r="B43" s="47">
        <v>3</v>
      </c>
      <c r="C43" s="82" t="s">
        <v>63</v>
      </c>
      <c r="D43" s="82" t="s">
        <v>64</v>
      </c>
      <c r="E43" s="82" t="s">
        <v>64</v>
      </c>
      <c r="F43" s="83" t="s">
        <v>64</v>
      </c>
    </row>
    <row r="44" spans="2:6" s="46" customFormat="1" ht="33.75" customHeight="1" x14ac:dyDescent="0.25">
      <c r="B44" s="47">
        <v>4</v>
      </c>
      <c r="C44" s="82" t="s">
        <v>65</v>
      </c>
      <c r="D44" s="82" t="s">
        <v>65</v>
      </c>
      <c r="E44" s="82" t="s">
        <v>65</v>
      </c>
      <c r="F44" s="83" t="s">
        <v>65</v>
      </c>
    </row>
    <row r="45" spans="2:6" s="46" customFormat="1" ht="35.25" customHeight="1" x14ac:dyDescent="0.25">
      <c r="B45" s="47">
        <v>5</v>
      </c>
      <c r="C45" s="82" t="s">
        <v>66</v>
      </c>
      <c r="D45" s="82" t="s">
        <v>67</v>
      </c>
      <c r="E45" s="82" t="s">
        <v>67</v>
      </c>
      <c r="F45" s="83" t="s">
        <v>67</v>
      </c>
    </row>
    <row r="46" spans="2:6" s="46" customFormat="1" ht="30.75" customHeight="1" x14ac:dyDescent="0.25">
      <c r="B46" s="47">
        <v>6</v>
      </c>
      <c r="C46" s="82" t="s">
        <v>68</v>
      </c>
      <c r="D46" s="82" t="s">
        <v>68</v>
      </c>
      <c r="E46" s="82" t="s">
        <v>68</v>
      </c>
      <c r="F46" s="83" t="s">
        <v>68</v>
      </c>
    </row>
    <row r="47" spans="2:6" s="46" customFormat="1" ht="84.75" customHeight="1" x14ac:dyDescent="0.25">
      <c r="B47" s="47">
        <v>7</v>
      </c>
      <c r="C47" s="82" t="s">
        <v>69</v>
      </c>
      <c r="D47" s="82" t="s">
        <v>69</v>
      </c>
      <c r="E47" s="82" t="s">
        <v>69</v>
      </c>
      <c r="F47" s="83" t="s">
        <v>69</v>
      </c>
    </row>
    <row r="48" spans="2:6" s="46" customFormat="1" ht="78.75" customHeight="1" x14ac:dyDescent="0.25">
      <c r="B48" s="47">
        <v>8</v>
      </c>
      <c r="C48" s="82" t="s">
        <v>70</v>
      </c>
      <c r="D48" s="82" t="s">
        <v>71</v>
      </c>
      <c r="E48" s="82" t="s">
        <v>71</v>
      </c>
      <c r="F48" s="83" t="s">
        <v>71</v>
      </c>
    </row>
    <row r="49" spans="2:6" s="46" customFormat="1" ht="66.75" customHeight="1" x14ac:dyDescent="0.25">
      <c r="B49" s="47">
        <v>9</v>
      </c>
      <c r="C49" s="82" t="s">
        <v>72</v>
      </c>
      <c r="D49" s="82" t="s">
        <v>72</v>
      </c>
      <c r="E49" s="82" t="s">
        <v>72</v>
      </c>
      <c r="F49" s="83" t="s">
        <v>72</v>
      </c>
    </row>
    <row r="50" spans="2:6" s="46" customFormat="1" ht="54.75" customHeight="1" x14ac:dyDescent="0.25">
      <c r="B50" s="47">
        <v>10</v>
      </c>
      <c r="C50" s="82" t="s">
        <v>73</v>
      </c>
      <c r="D50" s="82" t="s">
        <v>73</v>
      </c>
      <c r="E50" s="82" t="s">
        <v>73</v>
      </c>
      <c r="F50" s="83" t="s">
        <v>73</v>
      </c>
    </row>
    <row r="51" spans="2:6" s="46" customFormat="1" ht="72.75" customHeight="1" x14ac:dyDescent="0.25">
      <c r="B51" s="47">
        <v>11</v>
      </c>
      <c r="C51" s="82" t="s">
        <v>74</v>
      </c>
      <c r="D51" s="82" t="s">
        <v>74</v>
      </c>
      <c r="E51" s="82" t="s">
        <v>74</v>
      </c>
      <c r="F51" s="83" t="s">
        <v>74</v>
      </c>
    </row>
    <row r="52" spans="2:6" s="46" customFormat="1" ht="48" customHeight="1" x14ac:dyDescent="0.25">
      <c r="B52" s="47">
        <v>12</v>
      </c>
      <c r="C52" s="82" t="s">
        <v>75</v>
      </c>
      <c r="D52" s="82" t="s">
        <v>75</v>
      </c>
      <c r="E52" s="82" t="s">
        <v>75</v>
      </c>
      <c r="F52" s="83" t="s">
        <v>75</v>
      </c>
    </row>
    <row r="53" spans="2:6" s="46" customFormat="1" ht="38.25" customHeight="1" x14ac:dyDescent="0.25">
      <c r="B53" s="47">
        <v>13</v>
      </c>
      <c r="C53" s="82" t="s">
        <v>76</v>
      </c>
      <c r="D53" s="82" t="s">
        <v>76</v>
      </c>
      <c r="E53" s="82" t="s">
        <v>76</v>
      </c>
      <c r="F53" s="83" t="s">
        <v>76</v>
      </c>
    </row>
    <row r="54" spans="2:6" s="46" customFormat="1" ht="33" customHeight="1" x14ac:dyDescent="0.25">
      <c r="B54" s="84" t="s">
        <v>51</v>
      </c>
      <c r="C54" s="85"/>
      <c r="D54" s="85"/>
      <c r="E54" s="85"/>
      <c r="F54" s="86"/>
    </row>
    <row r="55" spans="2:6" s="46" customFormat="1" ht="118.5" customHeight="1" x14ac:dyDescent="0.25">
      <c r="B55" s="48" t="s">
        <v>77</v>
      </c>
      <c r="C55" s="82" t="s">
        <v>78</v>
      </c>
      <c r="D55" s="82" t="s">
        <v>78</v>
      </c>
      <c r="E55" s="82" t="s">
        <v>78</v>
      </c>
      <c r="F55" s="83" t="s">
        <v>78</v>
      </c>
    </row>
    <row r="56" spans="2:6" s="46" customFormat="1" ht="33.75" customHeight="1" x14ac:dyDescent="0.25">
      <c r="B56" s="48" t="s">
        <v>79</v>
      </c>
      <c r="C56" s="82" t="s">
        <v>80</v>
      </c>
      <c r="D56" s="82" t="s">
        <v>80</v>
      </c>
      <c r="E56" s="82" t="s">
        <v>80</v>
      </c>
      <c r="F56" s="83" t="s">
        <v>80</v>
      </c>
    </row>
    <row r="57" spans="2:6" s="46" customFormat="1" ht="22.5" customHeight="1" x14ac:dyDescent="0.25">
      <c r="B57" s="48" t="s">
        <v>81</v>
      </c>
      <c r="C57" s="82" t="s">
        <v>82</v>
      </c>
      <c r="D57" s="82" t="s">
        <v>83</v>
      </c>
      <c r="E57" s="82" t="s">
        <v>83</v>
      </c>
      <c r="F57" s="83" t="s">
        <v>83</v>
      </c>
    </row>
    <row r="58" spans="2:6" s="46" customFormat="1" ht="22.5" customHeight="1" x14ac:dyDescent="0.25">
      <c r="B58" s="48" t="s">
        <v>84</v>
      </c>
      <c r="C58" s="82" t="s">
        <v>85</v>
      </c>
      <c r="D58" s="82" t="s">
        <v>85</v>
      </c>
      <c r="E58" s="82" t="s">
        <v>85</v>
      </c>
      <c r="F58" s="83" t="s">
        <v>85</v>
      </c>
    </row>
    <row r="59" spans="2:6" s="46" customFormat="1" ht="22.5" customHeight="1" x14ac:dyDescent="0.25">
      <c r="B59" s="49" t="s">
        <v>86</v>
      </c>
      <c r="C59" s="82" t="s">
        <v>87</v>
      </c>
      <c r="D59" s="82" t="s">
        <v>87</v>
      </c>
      <c r="E59" s="82" t="s">
        <v>87</v>
      </c>
      <c r="F59" s="83" t="s">
        <v>87</v>
      </c>
    </row>
    <row r="60" spans="2:6" s="46" customFormat="1" ht="33.75" customHeight="1" x14ac:dyDescent="0.25">
      <c r="B60" s="49" t="s">
        <v>88</v>
      </c>
      <c r="C60" s="82" t="s">
        <v>89</v>
      </c>
      <c r="D60" s="82" t="s">
        <v>89</v>
      </c>
      <c r="E60" s="82" t="s">
        <v>89</v>
      </c>
      <c r="F60" s="83" t="s">
        <v>89</v>
      </c>
    </row>
    <row r="61" spans="2:6" s="46" customFormat="1" ht="22.5" customHeight="1" x14ac:dyDescent="0.25">
      <c r="B61" s="49" t="s">
        <v>90</v>
      </c>
      <c r="C61" s="82" t="s">
        <v>91</v>
      </c>
      <c r="D61" s="82" t="s">
        <v>91</v>
      </c>
      <c r="E61" s="82" t="s">
        <v>91</v>
      </c>
      <c r="F61" s="83" t="s">
        <v>91</v>
      </c>
    </row>
    <row r="62" spans="2:6" s="46" customFormat="1" ht="31.5" customHeight="1" x14ac:dyDescent="0.25">
      <c r="B62" s="48" t="s">
        <v>92</v>
      </c>
      <c r="C62" s="82" t="s">
        <v>93</v>
      </c>
      <c r="D62" s="82" t="s">
        <v>93</v>
      </c>
      <c r="E62" s="82" t="s">
        <v>93</v>
      </c>
      <c r="F62" s="83" t="s">
        <v>93</v>
      </c>
    </row>
    <row r="63" spans="2:6" s="46" customFormat="1" ht="68.25" customHeight="1" x14ac:dyDescent="0.25">
      <c r="B63" s="48" t="s">
        <v>94</v>
      </c>
      <c r="C63" s="82" t="s">
        <v>95</v>
      </c>
      <c r="D63" s="82" t="s">
        <v>96</v>
      </c>
      <c r="E63" s="82" t="s">
        <v>96</v>
      </c>
      <c r="F63" s="83" t="s">
        <v>96</v>
      </c>
    </row>
    <row r="64" spans="2:6" s="46" customFormat="1" ht="76.5" customHeight="1" x14ac:dyDescent="0.25">
      <c r="B64" s="48" t="s">
        <v>97</v>
      </c>
      <c r="C64" s="82" t="s">
        <v>98</v>
      </c>
      <c r="D64" s="82" t="s">
        <v>98</v>
      </c>
      <c r="E64" s="82" t="s">
        <v>98</v>
      </c>
      <c r="F64" s="83" t="s">
        <v>98</v>
      </c>
    </row>
    <row r="65" spans="2:6" s="46" customFormat="1" ht="42.75" customHeight="1" x14ac:dyDescent="0.25">
      <c r="B65" s="48" t="s">
        <v>99</v>
      </c>
      <c r="C65" s="82" t="s">
        <v>100</v>
      </c>
      <c r="D65" s="82" t="s">
        <v>100</v>
      </c>
      <c r="E65" s="82" t="s">
        <v>100</v>
      </c>
      <c r="F65" s="83" t="s">
        <v>100</v>
      </c>
    </row>
    <row r="66" spans="2:6" s="46" customFormat="1" ht="33" customHeight="1" x14ac:dyDescent="0.25">
      <c r="B66" s="84" t="s">
        <v>54</v>
      </c>
      <c r="C66" s="85"/>
      <c r="D66" s="85"/>
      <c r="E66" s="85"/>
      <c r="F66" s="86"/>
    </row>
    <row r="67" spans="2:6" s="46" customFormat="1" ht="32.25" customHeight="1" x14ac:dyDescent="0.25">
      <c r="B67" s="48" t="s">
        <v>77</v>
      </c>
      <c r="C67" s="82" t="s">
        <v>101</v>
      </c>
      <c r="D67" s="82" t="s">
        <v>101</v>
      </c>
      <c r="E67" s="82" t="s">
        <v>101</v>
      </c>
      <c r="F67" s="83" t="s">
        <v>101</v>
      </c>
    </row>
    <row r="68" spans="2:6" s="46" customFormat="1" ht="22.5" customHeight="1" x14ac:dyDescent="0.25">
      <c r="B68" s="48" t="s">
        <v>79</v>
      </c>
      <c r="C68" s="82" t="s">
        <v>102</v>
      </c>
      <c r="D68" s="82" t="s">
        <v>102</v>
      </c>
      <c r="E68" s="82" t="s">
        <v>102</v>
      </c>
      <c r="F68" s="83" t="s">
        <v>102</v>
      </c>
    </row>
    <row r="69" spans="2:6" s="46" customFormat="1" ht="22.5" customHeight="1" x14ac:dyDescent="0.25">
      <c r="B69" s="48" t="s">
        <v>81</v>
      </c>
      <c r="C69" s="82" t="s">
        <v>103</v>
      </c>
      <c r="D69" s="82" t="s">
        <v>104</v>
      </c>
      <c r="E69" s="82" t="s">
        <v>104</v>
      </c>
      <c r="F69" s="83" t="s">
        <v>104</v>
      </c>
    </row>
    <row r="70" spans="2:6" s="46" customFormat="1" ht="35.25" customHeight="1" x14ac:dyDescent="0.25">
      <c r="B70" s="48" t="s">
        <v>84</v>
      </c>
      <c r="C70" s="82" t="s">
        <v>105</v>
      </c>
      <c r="D70" s="82" t="s">
        <v>105</v>
      </c>
      <c r="E70" s="82" t="s">
        <v>105</v>
      </c>
      <c r="F70" s="83" t="s">
        <v>105</v>
      </c>
    </row>
    <row r="71" spans="2:6" s="46" customFormat="1" ht="54.75" customHeight="1" x14ac:dyDescent="0.25">
      <c r="B71" s="48" t="s">
        <v>92</v>
      </c>
      <c r="C71" s="82" t="s">
        <v>106</v>
      </c>
      <c r="D71" s="82" t="s">
        <v>106</v>
      </c>
      <c r="E71" s="82" t="s">
        <v>106</v>
      </c>
      <c r="F71" s="83" t="s">
        <v>106</v>
      </c>
    </row>
    <row r="72" spans="2:6" s="46" customFormat="1" ht="77.25" customHeight="1" x14ac:dyDescent="0.25">
      <c r="B72" s="48" t="s">
        <v>94</v>
      </c>
      <c r="C72" s="82" t="s">
        <v>107</v>
      </c>
      <c r="D72" s="82" t="s">
        <v>108</v>
      </c>
      <c r="E72" s="82" t="s">
        <v>108</v>
      </c>
      <c r="F72" s="83" t="s">
        <v>108</v>
      </c>
    </row>
    <row r="73" spans="2:6" s="46" customFormat="1" ht="53.25" customHeight="1" x14ac:dyDescent="0.25">
      <c r="B73" s="48" t="s">
        <v>97</v>
      </c>
      <c r="C73" s="82" t="s">
        <v>109</v>
      </c>
      <c r="D73" s="82" t="s">
        <v>110</v>
      </c>
      <c r="E73" s="82" t="s">
        <v>110</v>
      </c>
      <c r="F73" s="83" t="s">
        <v>110</v>
      </c>
    </row>
    <row r="74" spans="2:6" s="46" customFormat="1" ht="51" customHeight="1" x14ac:dyDescent="0.25">
      <c r="B74" s="48" t="s">
        <v>99</v>
      </c>
      <c r="C74" s="82" t="s">
        <v>111</v>
      </c>
      <c r="D74" s="82" t="s">
        <v>112</v>
      </c>
      <c r="E74" s="82" t="s">
        <v>112</v>
      </c>
      <c r="F74" s="83" t="s">
        <v>112</v>
      </c>
    </row>
    <row r="75" spans="2:6" s="46" customFormat="1" ht="36.75" customHeight="1" x14ac:dyDescent="0.25">
      <c r="B75" s="48" t="s">
        <v>113</v>
      </c>
      <c r="C75" s="82" t="s">
        <v>114</v>
      </c>
      <c r="D75" s="82" t="s">
        <v>115</v>
      </c>
      <c r="E75" s="82" t="s">
        <v>115</v>
      </c>
      <c r="F75" s="83" t="s">
        <v>115</v>
      </c>
    </row>
    <row r="76" spans="2:6" s="46" customFormat="1" ht="73.5" customHeight="1" x14ac:dyDescent="0.25">
      <c r="B76" s="48" t="s">
        <v>116</v>
      </c>
      <c r="C76" s="82" t="s">
        <v>117</v>
      </c>
      <c r="D76" s="82" t="s">
        <v>118</v>
      </c>
      <c r="E76" s="82" t="s">
        <v>118</v>
      </c>
      <c r="F76" s="83" t="s">
        <v>118</v>
      </c>
    </row>
    <row r="77" spans="2:6" s="46" customFormat="1" ht="22.5" customHeight="1" x14ac:dyDescent="0.25">
      <c r="B77" s="48" t="s">
        <v>119</v>
      </c>
      <c r="C77" s="82" t="s">
        <v>120</v>
      </c>
      <c r="D77" s="82" t="s">
        <v>120</v>
      </c>
      <c r="E77" s="82" t="s">
        <v>120</v>
      </c>
      <c r="F77" s="83" t="s">
        <v>120</v>
      </c>
    </row>
    <row r="78" spans="2:6" s="46" customFormat="1" ht="22.5" customHeight="1" x14ac:dyDescent="0.25">
      <c r="B78" s="49" t="s">
        <v>86</v>
      </c>
      <c r="C78" s="82" t="s">
        <v>87</v>
      </c>
      <c r="D78" s="82" t="s">
        <v>87</v>
      </c>
      <c r="E78" s="82" t="s">
        <v>87</v>
      </c>
      <c r="F78" s="83" t="s">
        <v>87</v>
      </c>
    </row>
    <row r="79" spans="2:6" s="46" customFormat="1" ht="22.5" customHeight="1" x14ac:dyDescent="0.25">
      <c r="B79" s="49" t="s">
        <v>88</v>
      </c>
      <c r="C79" s="82" t="s">
        <v>121</v>
      </c>
      <c r="D79" s="82" t="s">
        <v>121</v>
      </c>
      <c r="E79" s="82" t="s">
        <v>121</v>
      </c>
      <c r="F79" s="83" t="s">
        <v>121</v>
      </c>
    </row>
    <row r="80" spans="2:6" s="46" customFormat="1" ht="22.5" customHeight="1" x14ac:dyDescent="0.25">
      <c r="B80" s="49" t="s">
        <v>90</v>
      </c>
      <c r="C80" s="82" t="s">
        <v>91</v>
      </c>
      <c r="D80" s="82" t="s">
        <v>91</v>
      </c>
      <c r="E80" s="82" t="s">
        <v>91</v>
      </c>
      <c r="F80" s="83" t="s">
        <v>91</v>
      </c>
    </row>
    <row r="81" spans="1:6" s="46" customFormat="1" ht="39.75" customHeight="1" x14ac:dyDescent="0.25">
      <c r="B81" s="48" t="s">
        <v>122</v>
      </c>
      <c r="C81" s="82" t="s">
        <v>123</v>
      </c>
      <c r="D81" s="82" t="s">
        <v>123</v>
      </c>
      <c r="E81" s="82" t="s">
        <v>123</v>
      </c>
      <c r="F81" s="83" t="s">
        <v>123</v>
      </c>
    </row>
    <row r="82" spans="1:6" s="46" customFormat="1" ht="86.25" customHeight="1" x14ac:dyDescent="0.25">
      <c r="B82" s="48" t="s">
        <v>124</v>
      </c>
      <c r="C82" s="82" t="s">
        <v>125</v>
      </c>
      <c r="D82" s="82" t="s">
        <v>125</v>
      </c>
      <c r="E82" s="82" t="s">
        <v>125</v>
      </c>
      <c r="F82" s="83" t="s">
        <v>125</v>
      </c>
    </row>
    <row r="83" spans="1:6" s="46" customFormat="1" ht="87.75" customHeight="1" x14ac:dyDescent="0.25">
      <c r="B83" s="48" t="s">
        <v>126</v>
      </c>
      <c r="C83" s="82" t="s">
        <v>127</v>
      </c>
      <c r="D83" s="82" t="s">
        <v>127</v>
      </c>
      <c r="E83" s="82" t="s">
        <v>127</v>
      </c>
      <c r="F83" s="83" t="s">
        <v>127</v>
      </c>
    </row>
    <row r="84" spans="1:6" s="46" customFormat="1" ht="41.25" customHeight="1" thickBot="1" x14ac:dyDescent="0.3">
      <c r="B84" s="50" t="s">
        <v>128</v>
      </c>
      <c r="C84" s="87" t="s">
        <v>129</v>
      </c>
      <c r="D84" s="87" t="s">
        <v>129</v>
      </c>
      <c r="E84" s="87" t="s">
        <v>129</v>
      </c>
      <c r="F84" s="88" t="s">
        <v>129</v>
      </c>
    </row>
    <row r="85" spans="1:6" s="94" customFormat="1" ht="23.25" customHeight="1" x14ac:dyDescent="0.25">
      <c r="A85" s="92"/>
      <c r="B85" s="93"/>
      <c r="C85" s="93"/>
      <c r="D85" s="93"/>
      <c r="E85" s="93"/>
      <c r="F85" s="93"/>
    </row>
    <row r="86" spans="1:6" s="14" customFormat="1" ht="18.75" customHeight="1" x14ac:dyDescent="0.25">
      <c r="B86" s="56" t="s">
        <v>37</v>
      </c>
      <c r="C86" s="56"/>
      <c r="D86" s="56"/>
      <c r="E86" s="56"/>
      <c r="F86" s="56"/>
    </row>
    <row r="87" spans="1:6" s="14" customFormat="1" ht="4.5" customHeight="1" thickBot="1" x14ac:dyDescent="0.3"/>
    <row r="88" spans="1:6" s="14" customFormat="1" ht="34.5" customHeight="1" thickBot="1" x14ac:dyDescent="0.3">
      <c r="B88" s="73" t="s">
        <v>36</v>
      </c>
      <c r="C88" s="74"/>
      <c r="D88" s="74"/>
      <c r="E88" s="74"/>
      <c r="F88" s="75"/>
    </row>
    <row r="89" spans="1:6" s="23" customFormat="1" ht="32.25" customHeight="1" thickBot="1" x14ac:dyDescent="0.3">
      <c r="B89" s="45" t="s">
        <v>8</v>
      </c>
      <c r="C89" s="76" t="s">
        <v>130</v>
      </c>
      <c r="D89" s="77"/>
      <c r="E89" s="77"/>
      <c r="F89" s="78"/>
    </row>
    <row r="90" spans="1:6" s="23" customFormat="1" ht="18.75" customHeight="1" x14ac:dyDescent="0.25">
      <c r="B90" s="28"/>
      <c r="C90" s="28"/>
      <c r="D90" s="29"/>
      <c r="E90" s="29"/>
      <c r="F90" s="30"/>
    </row>
    <row r="91" spans="1:6" s="31" customFormat="1" ht="30" customHeight="1" x14ac:dyDescent="0.25">
      <c r="B91" s="64" t="s">
        <v>33</v>
      </c>
      <c r="C91" s="64"/>
      <c r="D91" s="64"/>
      <c r="E91" s="64"/>
      <c r="F91" s="23"/>
    </row>
    <row r="92" spans="1:6" s="14" customFormat="1" ht="24.95" customHeight="1" x14ac:dyDescent="0.25">
      <c r="B92" s="32" t="s">
        <v>17</v>
      </c>
      <c r="C92" s="62"/>
      <c r="D92" s="62"/>
      <c r="F92" s="31"/>
    </row>
    <row r="93" spans="1:6" s="14" customFormat="1" ht="24.95" customHeight="1" x14ac:dyDescent="0.25">
      <c r="B93" s="32" t="s">
        <v>18</v>
      </c>
      <c r="C93" s="62"/>
      <c r="D93" s="62"/>
      <c r="F93" s="31"/>
    </row>
    <row r="94" spans="1:6" s="14" customFormat="1" ht="24.95" customHeight="1" x14ac:dyDescent="0.25">
      <c r="B94" s="32" t="s">
        <v>19</v>
      </c>
      <c r="C94" s="62"/>
      <c r="D94" s="62"/>
      <c r="F94" s="31"/>
    </row>
    <row r="95" spans="1:6" s="23" customFormat="1" ht="24.95" customHeight="1" x14ac:dyDescent="0.25">
      <c r="B95" s="32" t="s">
        <v>20</v>
      </c>
      <c r="C95" s="62"/>
      <c r="D95" s="62"/>
      <c r="E95" s="14"/>
      <c r="F95" s="33"/>
    </row>
    <row r="96" spans="1:6" s="14" customFormat="1" ht="14.25" customHeight="1" x14ac:dyDescent="0.2">
      <c r="B96" s="34"/>
      <c r="C96" s="1"/>
      <c r="D96" s="1"/>
      <c r="F96" s="35"/>
    </row>
    <row r="97" spans="1:6" s="23" customFormat="1" ht="15" customHeight="1" x14ac:dyDescent="0.25">
      <c r="B97" s="65" t="s">
        <v>21</v>
      </c>
      <c r="C97" s="65"/>
      <c r="D97" s="65"/>
      <c r="E97" s="65"/>
      <c r="F97" s="65"/>
    </row>
    <row r="98" spans="1:6" s="14" customFormat="1" ht="36.75" customHeight="1" x14ac:dyDescent="0.25">
      <c r="B98" s="63" t="s">
        <v>34</v>
      </c>
      <c r="C98" s="63"/>
      <c r="D98" s="63"/>
      <c r="E98" s="63"/>
      <c r="F98" s="63"/>
    </row>
    <row r="99" spans="1:6" s="14" customFormat="1" ht="20.100000000000001" customHeight="1" x14ac:dyDescent="0.2">
      <c r="B99" s="9"/>
      <c r="C99" s="9"/>
      <c r="D99" s="24"/>
      <c r="E99" s="24"/>
    </row>
    <row r="100" spans="1:6" s="23" customFormat="1" ht="4.5" customHeight="1" x14ac:dyDescent="0.2">
      <c r="B100" s="9"/>
      <c r="C100" s="9"/>
      <c r="D100" s="24"/>
      <c r="E100" s="24"/>
      <c r="F100" s="14"/>
    </row>
    <row r="101" spans="1:6" s="23" customFormat="1" ht="20.100000000000001" customHeight="1" x14ac:dyDescent="0.25">
      <c r="B101" s="36" t="s">
        <v>22</v>
      </c>
      <c r="C101" s="37"/>
      <c r="D101" s="38" t="s">
        <v>23</v>
      </c>
      <c r="E101" s="60"/>
      <c r="F101" s="60"/>
    </row>
    <row r="102" spans="1:6" s="23" customFormat="1" ht="20.100000000000001" customHeight="1" x14ac:dyDescent="0.25">
      <c r="B102" s="39"/>
      <c r="C102" s="39"/>
      <c r="D102" s="39"/>
      <c r="E102" s="40"/>
      <c r="F102" s="40"/>
    </row>
    <row r="103" spans="1:6" ht="20.100000000000001" customHeight="1" x14ac:dyDescent="0.2">
      <c r="B103" s="36" t="s">
        <v>24</v>
      </c>
      <c r="C103" s="37"/>
      <c r="D103" s="41" t="s">
        <v>25</v>
      </c>
      <c r="E103" s="61"/>
      <c r="F103" s="61"/>
    </row>
    <row r="104" spans="1:6" s="14" customFormat="1" ht="20.100000000000001" customHeight="1" x14ac:dyDescent="0.2">
      <c r="B104" s="9"/>
      <c r="C104" s="9"/>
      <c r="D104" s="41" t="s">
        <v>26</v>
      </c>
      <c r="E104" s="62"/>
      <c r="F104" s="62"/>
    </row>
    <row r="105" spans="1:6" s="14" customFormat="1" ht="20.100000000000001" customHeight="1" x14ac:dyDescent="0.2">
      <c r="B105" s="9"/>
      <c r="C105" s="9"/>
      <c r="D105" s="42" t="s">
        <v>27</v>
      </c>
      <c r="E105" s="9"/>
    </row>
    <row r="106" spans="1:6" s="1" customFormat="1" ht="12" x14ac:dyDescent="0.2">
      <c r="A106" s="59" t="s">
        <v>30</v>
      </c>
      <c r="B106" s="59"/>
      <c r="D106" s="54"/>
      <c r="E106" s="54"/>
      <c r="F106" s="2"/>
    </row>
    <row r="107" spans="1:6" s="8" customFormat="1" ht="15" x14ac:dyDescent="0.25">
      <c r="A107" s="3"/>
      <c r="B107" s="4" t="s">
        <v>31</v>
      </c>
      <c r="C107" s="5"/>
      <c r="D107" s="6"/>
      <c r="E107" s="6"/>
      <c r="F107" s="7"/>
    </row>
    <row r="108" spans="1:6" s="14" customFormat="1" ht="24" customHeight="1" x14ac:dyDescent="0.25"/>
    <row r="109" spans="1:6" s="14" customFormat="1" ht="24" customHeight="1" x14ac:dyDescent="0.25"/>
    <row r="110" spans="1:6" s="14" customFormat="1" ht="24" customHeight="1" x14ac:dyDescent="0.25"/>
    <row r="111" spans="1:6" s="14" customFormat="1" ht="20.100000000000001" customHeight="1" x14ac:dyDescent="0.25"/>
    <row r="112" spans="1:6" s="14" customFormat="1" ht="20.100000000000001" customHeight="1" x14ac:dyDescent="0.25"/>
    <row r="113" spans="2:5" s="14" customFormat="1" ht="50.1" customHeight="1" x14ac:dyDescent="0.25"/>
    <row r="114" spans="2:5" s="14" customFormat="1" ht="43.5" customHeight="1" x14ac:dyDescent="0.25"/>
    <row r="115" spans="2:5" ht="24.75" customHeight="1" x14ac:dyDescent="0.2">
      <c r="B115" s="14"/>
      <c r="C115" s="14"/>
      <c r="D115" s="14"/>
      <c r="E115" s="14"/>
    </row>
    <row r="116" spans="2:5" x14ac:dyDescent="0.2">
      <c r="B116" s="14"/>
      <c r="C116" s="14"/>
      <c r="D116" s="14"/>
      <c r="E116" s="14"/>
    </row>
    <row r="117" spans="2:5" ht="20.100000000000001" customHeight="1" x14ac:dyDescent="0.2"/>
    <row r="118" spans="2:5" ht="4.5" customHeight="1" x14ac:dyDescent="0.2"/>
    <row r="119" spans="2:5" ht="20.100000000000001" customHeight="1" x14ac:dyDescent="0.2"/>
    <row r="120" spans="2:5" ht="20.100000000000001" customHeight="1" x14ac:dyDescent="0.2"/>
    <row r="121" spans="2:5" ht="20.100000000000001" customHeight="1" x14ac:dyDescent="0.2"/>
  </sheetData>
  <sheetProtection algorithmName="SHA-512" hashValue="PSDrvZ49fA7+iNlxsNP0T611LgdMcyIEOQn4eLHfYN4xp+rTn1s4X5QB2blfWviv36Ghp80BmPhLGG2lHVSdgQ==" saltValue="yIIol2/T3omvsHI71chI0w==" spinCount="100000" sheet="1" formatCells="0" formatColumns="0" formatRows="0" insertColumns="0" insertRows="0" insertHyperlinks="0" deleteColumns="0" deleteRows="0" selectLockedCells="1" sort="0" autoFilter="0" pivotTables="0"/>
  <mergeCells count="80">
    <mergeCell ref="C83:F83"/>
    <mergeCell ref="C84:F84"/>
    <mergeCell ref="B40:F40"/>
    <mergeCell ref="C41:F41"/>
    <mergeCell ref="C42:F42"/>
    <mergeCell ref="C43:F43"/>
    <mergeCell ref="C44:F44"/>
    <mergeCell ref="C45:F45"/>
    <mergeCell ref="C46:F46"/>
    <mergeCell ref="C47:F47"/>
    <mergeCell ref="C48:F48"/>
    <mergeCell ref="C49:F49"/>
    <mergeCell ref="C78:F78"/>
    <mergeCell ref="C79:F79"/>
    <mergeCell ref="C80:F80"/>
    <mergeCell ref="C81:F81"/>
    <mergeCell ref="C82:F82"/>
    <mergeCell ref="C73:F73"/>
    <mergeCell ref="C74:F74"/>
    <mergeCell ref="C75:F75"/>
    <mergeCell ref="C76:F76"/>
    <mergeCell ref="C77:F77"/>
    <mergeCell ref="C68:F68"/>
    <mergeCell ref="C69:F69"/>
    <mergeCell ref="C70:F70"/>
    <mergeCell ref="C71:F71"/>
    <mergeCell ref="C72:F72"/>
    <mergeCell ref="C63:F63"/>
    <mergeCell ref="C64:F64"/>
    <mergeCell ref="C65:F65"/>
    <mergeCell ref="B66:F66"/>
    <mergeCell ref="C67:F67"/>
    <mergeCell ref="C58:F58"/>
    <mergeCell ref="C59:F59"/>
    <mergeCell ref="C60:F60"/>
    <mergeCell ref="C61:F61"/>
    <mergeCell ref="C62:F62"/>
    <mergeCell ref="B86:F86"/>
    <mergeCell ref="B88:F88"/>
    <mergeCell ref="C89:F89"/>
    <mergeCell ref="B39:F39"/>
    <mergeCell ref="B10:D10"/>
    <mergeCell ref="B11:D11"/>
    <mergeCell ref="B37:F37"/>
    <mergeCell ref="B33:C33"/>
    <mergeCell ref="C50:F50"/>
    <mergeCell ref="C51:F51"/>
    <mergeCell ref="C52:F52"/>
    <mergeCell ref="C53:F53"/>
    <mergeCell ref="B54:F54"/>
    <mergeCell ref="C55:F55"/>
    <mergeCell ref="C56:F56"/>
    <mergeCell ref="C57:F57"/>
    <mergeCell ref="B7:F7"/>
    <mergeCell ref="B9:F9"/>
    <mergeCell ref="B12:D12"/>
    <mergeCell ref="B26:C26"/>
    <mergeCell ref="B13:D13"/>
    <mergeCell ref="B19:F19"/>
    <mergeCell ref="B20:D20"/>
    <mergeCell ref="B22:F22"/>
    <mergeCell ref="B16:D16"/>
    <mergeCell ref="B17:D17"/>
    <mergeCell ref="B21:F21"/>
    <mergeCell ref="B1:F1"/>
    <mergeCell ref="B5:F5"/>
    <mergeCell ref="B18:F18"/>
    <mergeCell ref="B23:C23"/>
    <mergeCell ref="A106:B106"/>
    <mergeCell ref="E101:F101"/>
    <mergeCell ref="E103:F103"/>
    <mergeCell ref="E104:F104"/>
    <mergeCell ref="B98:F98"/>
    <mergeCell ref="B91:E91"/>
    <mergeCell ref="B97:F97"/>
    <mergeCell ref="C92:D92"/>
    <mergeCell ref="C93:D93"/>
    <mergeCell ref="C94:D94"/>
    <mergeCell ref="C95:D95"/>
    <mergeCell ref="B6:F6"/>
  </mergeCells>
  <conditionalFormatting sqref="E103:F103">
    <cfRule type="containsBlanks" dxfId="8" priority="455">
      <formula>LEN(TRIM(E103))=0</formula>
    </cfRule>
  </conditionalFormatting>
  <conditionalFormatting sqref="C101">
    <cfRule type="containsBlanks" dxfId="7" priority="453">
      <formula>LEN(TRIM(C101))=0</formula>
    </cfRule>
  </conditionalFormatting>
  <conditionalFormatting sqref="E104:F104">
    <cfRule type="containsBlanks" dxfId="6" priority="454">
      <formula>LEN(TRIM(E104))=0</formula>
    </cfRule>
  </conditionalFormatting>
  <conditionalFormatting sqref="C103">
    <cfRule type="containsBlanks" dxfId="5" priority="452">
      <formula>LEN(TRIM(C103))=0</formula>
    </cfRule>
  </conditionalFormatting>
  <conditionalFormatting sqref="C2:C3">
    <cfRule type="containsBlanks" dxfId="4" priority="451">
      <formula>LEN(TRIM(C2))=0</formula>
    </cfRule>
  </conditionalFormatting>
  <conditionalFormatting sqref="C94:D94">
    <cfRule type="containsBlanks" dxfId="3" priority="441">
      <formula>LEN(TRIM(C94))=0</formula>
    </cfRule>
  </conditionalFormatting>
  <conditionalFormatting sqref="C93:D93">
    <cfRule type="containsBlanks" dxfId="2" priority="392">
      <formula>LEN(TRIM(C93))=0</formula>
    </cfRule>
  </conditionalFormatting>
  <conditionalFormatting sqref="C92:D92">
    <cfRule type="containsBlanks" dxfId="1" priority="391">
      <formula>LEN(TRIM(C92))=0</formula>
    </cfRule>
  </conditionalFormatting>
  <conditionalFormatting sqref="C95:D95">
    <cfRule type="containsBlanks" dxfId="0" priority="390">
      <formula>LEN(TRIM(C95))=0</formula>
    </cfRule>
  </conditionalFormatting>
  <printOptions horizontalCentered="1"/>
  <pageMargins left="0.25" right="0.25" top="0.75" bottom="0.75" header="0.3" footer="0.3"/>
  <pageSetup paperSize="9" scale="60" fitToHeight="0" orientation="portrait" r:id="rId1"/>
  <headerFooter>
    <oddHeader>&amp;C&amp;"Arial,Normálne"&amp;16CENOVÁ PONUKA&amp;14
pre prieskum trhu za účelom stanovenia predpokladanej hodnoty zákazky (ďalej aj "PT")</oddHeader>
    <oddFooter>&amp;CStrana &amp;P z &amp;N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8195" r:id="rId4" name="Check Box 3">
              <controlPr defaultSize="0" autoFill="0" autoLine="0" autoPict="0">
                <anchor moveWithCells="1">
                  <from>
                    <xdr:col>1</xdr:col>
                    <xdr:colOff>628650</xdr:colOff>
                    <xdr:row>23</xdr:row>
                    <xdr:rowOff>0</xdr:rowOff>
                  </from>
                  <to>
                    <xdr:col>1</xdr:col>
                    <xdr:colOff>885825</xdr:colOff>
                    <xdr:row>23</xdr:row>
                    <xdr:rowOff>2190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6" r:id="rId5" name="Check Box 4">
              <controlPr defaultSize="0" autoFill="0" autoLine="0" autoPict="0">
                <anchor moveWithCells="1">
                  <from>
                    <xdr:col>1</xdr:col>
                    <xdr:colOff>628650</xdr:colOff>
                    <xdr:row>24</xdr:row>
                    <xdr:rowOff>9525</xdr:rowOff>
                  </from>
                  <to>
                    <xdr:col>1</xdr:col>
                    <xdr:colOff>885825</xdr:colOff>
                    <xdr:row>24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7" r:id="rId6" name="Check Box 5">
              <controlPr defaultSize="0" autoFill="0" autoLine="0" autoPict="0">
                <anchor moveWithCells="1">
                  <from>
                    <xdr:col>1</xdr:col>
                    <xdr:colOff>628650</xdr:colOff>
                    <xdr:row>33</xdr:row>
                    <xdr:rowOff>9525</xdr:rowOff>
                  </from>
                  <to>
                    <xdr:col>1</xdr:col>
                    <xdr:colOff>885825</xdr:colOff>
                    <xdr:row>33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8" r:id="rId7" name="Check Box 6">
              <controlPr defaultSize="0" autoFill="0" autoLine="0" autoPict="0">
                <anchor moveWithCells="1">
                  <from>
                    <xdr:col>1</xdr:col>
                    <xdr:colOff>628650</xdr:colOff>
                    <xdr:row>34</xdr:row>
                    <xdr:rowOff>0</xdr:rowOff>
                  </from>
                  <to>
                    <xdr:col>1</xdr:col>
                    <xdr:colOff>885825</xdr:colOff>
                    <xdr:row>35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Špecifikácia predmetu PT</vt:lpstr>
      <vt:lpstr>'Špecifikácia predmetu PT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5-10-30T12:22:42Z</cp:lastPrinted>
  <dcterms:created xsi:type="dcterms:W3CDTF">2017-04-21T05:51:15Z</dcterms:created>
  <dcterms:modified xsi:type="dcterms:W3CDTF">2025-11-04T12:46:02Z</dcterms:modified>
</cp:coreProperties>
</file>